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2103\03_決算国費G\K 決算関係（R7)\K01 決算・決特（R7）\23 ＨＰ公開\01データ準備\"/>
    </mc:Choice>
  </mc:AlternateContent>
  <xr:revisionPtr revIDLastSave="0" documentId="13_ncr:1_{7DD4EDF8-D615-4036-8072-B1A023A7E37C}" xr6:coauthVersionLast="47" xr6:coauthVersionMax="47" xr10:uidLastSave="{00000000-0000-0000-0000-000000000000}"/>
  <bookViews>
    <workbookView xWindow="-108" yWindow="-108" windowWidth="23256" windowHeight="13896" tabRatio="761" xr2:uid="{00000000-000D-0000-FFFF-FFFF00000000}"/>
  </bookViews>
  <sheets>
    <sheet name="市町村自治振興事業会計" sheetId="2" r:id="rId1"/>
    <sheet name="公債管理特別会計" sheetId="3" r:id="rId2"/>
    <sheet name="公営競技収益配分金等管理会計" sheetId="4" r:id="rId3"/>
    <sheet name="地方消費税清算会計" sheetId="5" r:id="rId4"/>
    <sheet name="災害救助基金会計" sheetId="6" r:id="rId5"/>
    <sheet name="恩賜記念林業振興資金会計" sheetId="8" r:id="rId6"/>
    <sheet name="林業改善資金会計" sheetId="9" r:id="rId7"/>
    <sheet name="水源環境保全・再生事業会計" sheetId="10" r:id="rId8"/>
    <sheet name="沿岸漁業改善資金会計" sheetId="11" r:id="rId9"/>
    <sheet name="介護保険財政安定化基金会計" sheetId="12" r:id="rId10"/>
    <sheet name="母子父子寡婦福祉資金会計" sheetId="13" r:id="rId11"/>
    <sheet name="国民健康保険事業会計" sheetId="14" r:id="rId12"/>
    <sheet name="神奈川県立病院機構資金会計" sheetId="15" r:id="rId13"/>
    <sheet name="中小企業資金会計" sheetId="16" r:id="rId14"/>
    <sheet name="県営住宅管理事業会計" sheetId="18" r:id="rId15"/>
  </sheets>
  <definedNames>
    <definedName name="Par_位表記雛形" localSheetId="8">#REF!</definedName>
    <definedName name="Par_位表記雛形" localSheetId="5">#REF!</definedName>
    <definedName name="Par_位表記雛形" localSheetId="9">#REF!</definedName>
    <definedName name="Par_位表記雛形" localSheetId="14">#REF!</definedName>
    <definedName name="Par_位表記雛形" localSheetId="2">#REF!</definedName>
    <definedName name="Par_位表記雛形" localSheetId="1">#REF!</definedName>
    <definedName name="Par_位表記雛形" localSheetId="11">#REF!</definedName>
    <definedName name="Par_位表記雛形" localSheetId="4">#REF!</definedName>
    <definedName name="Par_位表記雛形" localSheetId="12">#REF!</definedName>
    <definedName name="Par_位表記雛形" localSheetId="7">#REF!</definedName>
    <definedName name="Par_位表記雛形" localSheetId="3">#REF!</definedName>
    <definedName name="Par_位表記雛形" localSheetId="13">#REF!</definedName>
    <definedName name="Par_位表記雛形" localSheetId="10">#REF!</definedName>
    <definedName name="Par_位表記雛形" localSheetId="6">#REF!</definedName>
    <definedName name="Par_位表記雛形">#REF!</definedName>
    <definedName name="Par_単位表記雛形" localSheetId="8">#REF!</definedName>
    <definedName name="Par_単位表記雛形" localSheetId="5">#REF!</definedName>
    <definedName name="Par_単位表記雛形" localSheetId="9">#REF!</definedName>
    <definedName name="Par_単位表記雛形" localSheetId="14">#REF!</definedName>
    <definedName name="Par_単位表記雛形" localSheetId="2">#REF!</definedName>
    <definedName name="Par_単位表記雛形" localSheetId="1">#REF!</definedName>
    <definedName name="Par_単位表記雛形" localSheetId="11">#REF!</definedName>
    <definedName name="Par_単位表記雛形" localSheetId="4">#REF!</definedName>
    <definedName name="Par_単位表記雛形" localSheetId="12">#REF!</definedName>
    <definedName name="Par_単位表記雛形" localSheetId="7">#REF!</definedName>
    <definedName name="Par_単位表記雛形" localSheetId="3">#REF!</definedName>
    <definedName name="Par_単位表記雛形" localSheetId="13">#REF!</definedName>
    <definedName name="Par_単位表記雛形" localSheetId="10">#REF!</definedName>
    <definedName name="Par_単位表記雛形" localSheetId="6">#REF!</definedName>
    <definedName name="Par_単位表記雛形">#REF!</definedName>
    <definedName name="_xlnm.Print_Area" localSheetId="8">沿岸漁業改善資金会計!$A$1:$Y$58</definedName>
    <definedName name="_xlnm.Print_Area" localSheetId="5">恩賜記念林業振興資金会計!$A$1:$Y$59</definedName>
    <definedName name="_xlnm.Print_Area" localSheetId="9">介護保険財政安定化基金会計!$A$1:$Y$61</definedName>
    <definedName name="_xlnm.Print_Area" localSheetId="14">県営住宅管理事業会計!$A$1:$Y$52</definedName>
    <definedName name="_xlnm.Print_Area" localSheetId="2">公営競技収益配分金等管理会計!$A$1:$Y$60</definedName>
    <definedName name="_xlnm.Print_Area" localSheetId="1">公債管理特別会計!$A$1:$Y$61</definedName>
    <definedName name="_xlnm.Print_Area" localSheetId="11">国民健康保険事業会計!$A$1:$Y$55</definedName>
    <definedName name="_xlnm.Print_Area" localSheetId="4">災害救助基金会計!$A$1:$Y$58</definedName>
    <definedName name="_xlnm.Print_Area" localSheetId="0">市町村自治振興事業会計!$A$1:$Y$53</definedName>
    <definedName name="_xlnm.Print_Area" localSheetId="12">神奈川県立病院機構資金会計!$A$1:$Y$61</definedName>
    <definedName name="_xlnm.Print_Area" localSheetId="7">水源環境保全・再生事業会計!$A$1:$Y$58</definedName>
    <definedName name="_xlnm.Print_Area" localSheetId="3">地方消費税清算会計!$A$1:$Y$61</definedName>
    <definedName name="_xlnm.Print_Area" localSheetId="13">中小企業資金会計!$A$1:$Y$54</definedName>
    <definedName name="_xlnm.Print_Area" localSheetId="10">母子父子寡婦福祉資金会計!$A$1:$Y$56</definedName>
    <definedName name="_xlnm.Print_Area" localSheetId="6">林業改善資金会計!$A$1:$Y$5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599" uniqueCount="449">
  <si>
    <t>　歳　　出</t>
  </si>
  <si>
    <t/>
  </si>
  <si>
    <t>款</t>
    <rPh sb="0" eb="1">
      <t>カン</t>
    </rPh>
    <phoneticPr fontId="7"/>
  </si>
  <si>
    <t>項</t>
    <rPh sb="0" eb="1">
      <t>コウ</t>
    </rPh>
    <phoneticPr fontId="7"/>
  </si>
  <si>
    <t>歳出合計</t>
    <rPh sb="0" eb="2">
      <t>サイシュツ</t>
    </rPh>
    <rPh sb="2" eb="4">
      <t>ゴウケイ</t>
    </rPh>
    <phoneticPr fontId="7"/>
  </si>
  <si>
    <t>歳入歳出差引残額</t>
  </si>
  <si>
    <t>　うち基金繰入額</t>
    <phoneticPr fontId="2"/>
  </si>
  <si>
    <t>神奈川県知事      黒　　岩　　祐　　治</t>
  </si>
  <si>
    <t>　歳　　入</t>
  </si>
  <si>
    <t>歳入合計</t>
    <rPh sb="0" eb="2">
      <t>サイニュウ</t>
    </rPh>
    <rPh sb="2" eb="4">
      <t>ゴウケイ</t>
    </rPh>
    <phoneticPr fontId="7"/>
  </si>
  <si>
    <t>項</t>
    <rPh sb="0" eb="1">
      <t>コウ</t>
    </rPh>
    <phoneticPr fontId="2"/>
  </si>
  <si>
    <t>予算現額</t>
    <rPh sb="0" eb="2">
      <t>ヨサン</t>
    </rPh>
    <rPh sb="2" eb="4">
      <t>ゲンガク</t>
    </rPh>
    <phoneticPr fontId="2"/>
  </si>
  <si>
    <t>調定額</t>
    <rPh sb="0" eb="3">
      <t>チョウテイガクガク</t>
    </rPh>
    <phoneticPr fontId="2"/>
  </si>
  <si>
    <t>収入済額</t>
    <rPh sb="0" eb="2">
      <t>シュウニュウ</t>
    </rPh>
    <rPh sb="2" eb="3">
      <t>ズ</t>
    </rPh>
    <rPh sb="3" eb="4">
      <t>ガク</t>
    </rPh>
    <phoneticPr fontId="2"/>
  </si>
  <si>
    <t>不納欠損額</t>
    <rPh sb="0" eb="2">
      <t>フノウ</t>
    </rPh>
    <rPh sb="2" eb="4">
      <t>ケッソン</t>
    </rPh>
    <rPh sb="4" eb="5">
      <t>ガク</t>
    </rPh>
    <phoneticPr fontId="2"/>
  </si>
  <si>
    <t>収入未済額</t>
    <rPh sb="0" eb="2">
      <t>シュウニュウ</t>
    </rPh>
    <rPh sb="2" eb="4">
      <t>ミサイ</t>
    </rPh>
    <rPh sb="4" eb="5">
      <t>ガク</t>
    </rPh>
    <phoneticPr fontId="2"/>
  </si>
  <si>
    <t>予算現額と
収入済額との
比較</t>
    <rPh sb="0" eb="4">
      <t>ヨサンゲンガク</t>
    </rPh>
    <rPh sb="6" eb="8">
      <t>シュウニュウ</t>
    </rPh>
    <rPh sb="8" eb="9">
      <t>ズ</t>
    </rPh>
    <rPh sb="9" eb="10">
      <t>ガク</t>
    </rPh>
    <rPh sb="13" eb="15">
      <t>ヒカク</t>
    </rPh>
    <phoneticPr fontId="2"/>
  </si>
  <si>
    <t>円</t>
    <rPh sb="0" eb="1">
      <t>エン</t>
    </rPh>
    <phoneticPr fontId="2"/>
  </si>
  <si>
    <t>予算現額</t>
    <rPh sb="0" eb="4">
      <t>ヨサンゲンガク</t>
    </rPh>
    <phoneticPr fontId="7"/>
  </si>
  <si>
    <t>支出済額</t>
    <rPh sb="0" eb="2">
      <t>シシュツ</t>
    </rPh>
    <rPh sb="2" eb="3">
      <t>ズ</t>
    </rPh>
    <rPh sb="3" eb="4">
      <t>ガク</t>
    </rPh>
    <phoneticPr fontId="7"/>
  </si>
  <si>
    <t>翌年度繰越額</t>
    <rPh sb="0" eb="3">
      <t>ヨクネンド</t>
    </rPh>
    <rPh sb="3" eb="5">
      <t>クリコシ</t>
    </rPh>
    <rPh sb="5" eb="6">
      <t>ガク</t>
    </rPh>
    <phoneticPr fontId="2"/>
  </si>
  <si>
    <t>不用額</t>
    <rPh sb="0" eb="2">
      <t>フヨウ</t>
    </rPh>
    <rPh sb="2" eb="3">
      <t>ガク</t>
    </rPh>
    <phoneticPr fontId="2"/>
  </si>
  <si>
    <t>予算現額と
支出済額との
比較</t>
    <rPh sb="0" eb="2">
      <t>ヨサン</t>
    </rPh>
    <rPh sb="2" eb="4">
      <t>ゲンガク</t>
    </rPh>
    <rPh sb="6" eb="9">
      <t>シシュツズ</t>
    </rPh>
    <rPh sb="9" eb="10">
      <t>ガク</t>
    </rPh>
    <rPh sb="13" eb="15">
      <t>ヒカク</t>
    </rPh>
    <phoneticPr fontId="2"/>
  </si>
  <si>
    <t>　うち基金繰入額</t>
    <phoneticPr fontId="2"/>
  </si>
  <si>
    <t>令和６年度神奈川県市町村自治振興事業会計歳入歳出決算書</t>
  </si>
  <si>
    <t xml:space="preserve"> 1</t>
  </si>
  <si>
    <t>市町村自治　振興事業収入</t>
  </si>
  <si>
    <t>11,119,998,000</t>
  </si>
  <si>
    <t>11,310,072,314</t>
  </si>
  <si>
    <t>0</t>
  </si>
  <si>
    <t>190,074,314</t>
  </si>
  <si>
    <t>貸付金収入</t>
  </si>
  <si>
    <t>5,034,108,000</t>
  </si>
  <si>
    <t>5,085,361,392</t>
  </si>
  <si>
    <t>51,253,392</t>
  </si>
  <si>
    <t xml:space="preserve"> 2</t>
  </si>
  <si>
    <t>繰入金</t>
  </si>
  <si>
    <t>4,696,417,000</t>
  </si>
  <si>
    <t>4,674,324,061</t>
  </si>
  <si>
    <t>△</t>
  </si>
  <si>
    <t>22,092,939</t>
  </si>
  <si>
    <t xml:space="preserve"> 3</t>
  </si>
  <si>
    <t>繰越金</t>
  </si>
  <si>
    <t>1,389,273,000</t>
  </si>
  <si>
    <t>1,548,379,643</t>
  </si>
  <si>
    <t>159,106,643</t>
  </si>
  <si>
    <t xml:space="preserve"> 4</t>
  </si>
  <si>
    <t>諸収入</t>
  </si>
  <si>
    <t>200,000</t>
  </si>
  <si>
    <t>2,007,218</t>
  </si>
  <si>
    <t>1,807,218</t>
  </si>
  <si>
    <t>歳入合計</t>
  </si>
  <si>
    <t>市町村自治
振興事業費</t>
  </si>
  <si>
    <t>10,165,558,503</t>
  </si>
  <si>
    <t>769,800,000</t>
  </si>
  <si>
    <t>184,639,497</t>
  </si>
  <si>
    <t>954,439,497</t>
  </si>
  <si>
    <t>市町村振興
事業費</t>
  </si>
  <si>
    <t>10,369,063,000</t>
  </si>
  <si>
    <t>9,436,716,632</t>
  </si>
  <si>
    <t>162,546,368</t>
  </si>
  <si>
    <t>932,346,368</t>
  </si>
  <si>
    <t>権限移譲等
推進事業費</t>
  </si>
  <si>
    <t>625,516,000</t>
  </si>
  <si>
    <t>603,423,061</t>
  </si>
  <si>
    <t>公債費</t>
  </si>
  <si>
    <t>125,419,000</t>
  </si>
  <si>
    <t>125,418,810</t>
  </si>
  <si>
    <t>190</t>
  </si>
  <si>
    <t>1,144,513,811円</t>
  </si>
  <si>
    <t>0円</t>
  </si>
  <si>
    <t>　令和７年９月22日　提出</t>
    <rPh sb="1" eb="3">
      <t>レイワ</t>
    </rPh>
    <phoneticPr fontId="2"/>
  </si>
  <si>
    <t>令和６年度神奈川県公債管理特別会計歳入歳出決算書</t>
  </si>
  <si>
    <t>公債管理収入</t>
  </si>
  <si>
    <t>672,426,362,000</t>
  </si>
  <si>
    <t>672,283,246,208</t>
  </si>
  <si>
    <t>143,115,792</t>
  </si>
  <si>
    <t>財産収入</t>
  </si>
  <si>
    <t>8,276,561,000</t>
  </si>
  <si>
    <t>8,245,734,290</t>
  </si>
  <si>
    <t>30,826,710</t>
  </si>
  <si>
    <t>532,271,801,000</t>
  </si>
  <si>
    <t>532,159,511,918</t>
  </si>
  <si>
    <t>112,289,082</t>
  </si>
  <si>
    <t>県債</t>
  </si>
  <si>
    <t>131,878,000,000</t>
  </si>
  <si>
    <t>公債管理費</t>
  </si>
  <si>
    <t>歳出合計</t>
  </si>
  <si>
    <t>　うち基金繰入額</t>
  </si>
  <si>
    <t>　令和  年　　月　　日　提出</t>
  </si>
  <si>
    <t>令和６年度神奈川県公営競技収益配分金等管理会計歳入歳出決算書</t>
  </si>
  <si>
    <t>公営競技収益
配分金等
管理収入</t>
  </si>
  <si>
    <t>1,400,000,000</t>
  </si>
  <si>
    <t>収益配分金　収入</t>
  </si>
  <si>
    <t>公営競技収益
配分金等管理費</t>
  </si>
  <si>
    <t>繰出金</t>
  </si>
  <si>
    <t>令和６年度神奈川県地方消費税清算会計歳入歳出決算書</t>
  </si>
  <si>
    <t>地方消費税　清算収入</t>
  </si>
  <si>
    <t>869,075,542,000</t>
  </si>
  <si>
    <t>873,595,804,023</t>
  </si>
  <si>
    <t>4,520,262,023</t>
  </si>
  <si>
    <t>地方消費税　収入</t>
  </si>
  <si>
    <t>447,911,876,000</t>
  </si>
  <si>
    <t>452,432,158,627</t>
  </si>
  <si>
    <t>4,520,282,627</t>
  </si>
  <si>
    <t>地方消費税　清算金収入</t>
  </si>
  <si>
    <t>421,163,666,000</t>
  </si>
  <si>
    <t>421,163,645,396</t>
  </si>
  <si>
    <t>20,604</t>
  </si>
  <si>
    <t>地方消費税
清算費</t>
  </si>
  <si>
    <t>869,075,491,778</t>
  </si>
  <si>
    <t>50,222</t>
  </si>
  <si>
    <t>4,520,312,245円</t>
  </si>
  <si>
    <t>令和６年度神奈川県災害救助基金会計歳入歳出決算書</t>
  </si>
  <si>
    <t>災害救助基金</t>
  </si>
  <si>
    <t>547,955,000</t>
  </si>
  <si>
    <t>35,136,655</t>
  </si>
  <si>
    <t>512,818,345</t>
  </si>
  <si>
    <t>6,916,000</t>
  </si>
  <si>
    <t>6,417,879</t>
  </si>
  <si>
    <t>498,121</t>
  </si>
  <si>
    <t>国庫支出金</t>
  </si>
  <si>
    <t>282,508,000</t>
  </si>
  <si>
    <t>4,479,460</t>
  </si>
  <si>
    <t>278,028,540</t>
  </si>
  <si>
    <t>258,528,000</t>
  </si>
  <si>
    <t>24,239,316</t>
  </si>
  <si>
    <t>234,288,684</t>
  </si>
  <si>
    <t>1,000</t>
  </si>
  <si>
    <t xml:space="preserve"> 5</t>
  </si>
  <si>
    <t>2,000</t>
  </si>
  <si>
    <t>災害救助費</t>
  </si>
  <si>
    <t>34,948,168</t>
  </si>
  <si>
    <t>513,006,832</t>
  </si>
  <si>
    <t>救助費</t>
  </si>
  <si>
    <t>541,039,000</t>
  </si>
  <si>
    <t>28,530,289</t>
  </si>
  <si>
    <t>512,508,711</t>
  </si>
  <si>
    <t>財産費</t>
  </si>
  <si>
    <t>188,487円</t>
  </si>
  <si>
    <t>令和６年度神奈川県恩賜記念林業振興資金会計歳入歳出決算書</t>
  </si>
  <si>
    <t>林業振興資金
収入</t>
  </si>
  <si>
    <t>159,018,000</t>
  </si>
  <si>
    <t>153,097,584</t>
  </si>
  <si>
    <t>5,920,416</t>
  </si>
  <si>
    <t>43,053,000</t>
  </si>
  <si>
    <t>109,116,530</t>
  </si>
  <si>
    <t>66,063,530</t>
  </si>
  <si>
    <t>115,964,000</t>
  </si>
  <si>
    <t>43,955,647</t>
  </si>
  <si>
    <t>72,008,353</t>
  </si>
  <si>
    <t>25,407</t>
  </si>
  <si>
    <t>24,407</t>
  </si>
  <si>
    <t>林業振興資金</t>
  </si>
  <si>
    <t>109,004,304</t>
  </si>
  <si>
    <t>50,013,696</t>
  </si>
  <si>
    <t>貸付金</t>
  </si>
  <si>
    <t>109,000,000</t>
  </si>
  <si>
    <t>事務費</t>
  </si>
  <si>
    <t>60,000</t>
  </si>
  <si>
    <t>4,304</t>
  </si>
  <si>
    <t>55,696</t>
  </si>
  <si>
    <t>予備費</t>
  </si>
  <si>
    <t>49,958,000</t>
  </si>
  <si>
    <t>44,093,280円</t>
  </si>
  <si>
    <t>令和６年度神奈川県林業改善資金会計歳入歳出決算書</t>
  </si>
  <si>
    <t>林業改善資金
収入</t>
  </si>
  <si>
    <t>59,462,000</t>
  </si>
  <si>
    <t>75,836,025</t>
  </si>
  <si>
    <t>16,374,025</t>
  </si>
  <si>
    <t>6,621,000</t>
  </si>
  <si>
    <t>6,921,000</t>
  </si>
  <si>
    <t>300,000</t>
  </si>
  <si>
    <t>59,000</t>
  </si>
  <si>
    <t>5,940</t>
  </si>
  <si>
    <t>53,060</t>
  </si>
  <si>
    <t>52,781,000</t>
  </si>
  <si>
    <t>68,876,852</t>
  </si>
  <si>
    <t>16,095,852</t>
  </si>
  <si>
    <t>32,233</t>
  </si>
  <si>
    <t>31,233</t>
  </si>
  <si>
    <t>林業改善資金</t>
  </si>
  <si>
    <t>59,456,060</t>
  </si>
  <si>
    <t>30,000,000</t>
  </si>
  <si>
    <t>29,403,000</t>
  </si>
  <si>
    <t>75,830,085円</t>
  </si>
  <si>
    <t>令和６年度神奈川県水源環境保全・再生事業会計歳入歳出決算書</t>
  </si>
  <si>
    <t>水源環境保全・
再生事業収入</t>
  </si>
  <si>
    <t>9,550,281,812</t>
  </si>
  <si>
    <t>9,278,072,781</t>
  </si>
  <si>
    <t>272,209,031</t>
  </si>
  <si>
    <t>20,000</t>
  </si>
  <si>
    <t>3,145,472</t>
  </si>
  <si>
    <t>3,125,472</t>
  </si>
  <si>
    <t>寄附金</t>
  </si>
  <si>
    <t>550,000</t>
  </si>
  <si>
    <t>1,201,325</t>
  </si>
  <si>
    <t>651,325</t>
  </si>
  <si>
    <t>9,373,956,000</t>
  </si>
  <si>
    <t>9,096,768,563</t>
  </si>
  <si>
    <t>277,187,437</t>
  </si>
  <si>
    <t>216,000</t>
  </si>
  <si>
    <t>1,417,137</t>
  </si>
  <si>
    <t>1,201,137</t>
  </si>
  <si>
    <t>175,539,812</t>
  </si>
  <si>
    <t>175,540,284</t>
  </si>
  <si>
    <t>472</t>
  </si>
  <si>
    <t>水源環境保全・
再生事業費</t>
  </si>
  <si>
    <t>8,914,757,926</t>
  </si>
  <si>
    <t>358,338,100</t>
  </si>
  <si>
    <t>277,185,786</t>
  </si>
  <si>
    <t>635,523,886</t>
  </si>
  <si>
    <t>保全・再生
事業費</t>
  </si>
  <si>
    <t>5,179,975,812</t>
  </si>
  <si>
    <t>4,544,451,926</t>
  </si>
  <si>
    <t>積立金</t>
  </si>
  <si>
    <t>4,370,306,000</t>
  </si>
  <si>
    <t>363,314,855円</t>
  </si>
  <si>
    <t>令和６年度神奈川県沿岸漁業改善資金会計歳入歳出決算書</t>
  </si>
  <si>
    <t>沿岸漁業改善資金収入</t>
  </si>
  <si>
    <t>101,625,000</t>
  </si>
  <si>
    <t>186,247,922</t>
  </si>
  <si>
    <t>84,622,922</t>
  </si>
  <si>
    <t>19,328,000</t>
  </si>
  <si>
    <t>879,000</t>
  </si>
  <si>
    <t>245,374</t>
  </si>
  <si>
    <t>633,626</t>
  </si>
  <si>
    <t>81,417,000</t>
  </si>
  <si>
    <t>166,594,844</t>
  </si>
  <si>
    <t>85,177,844</t>
  </si>
  <si>
    <t>79,704</t>
  </si>
  <si>
    <t>78,704</t>
  </si>
  <si>
    <t>沿岸漁業改善
資金</t>
  </si>
  <si>
    <t>3,034,374</t>
  </si>
  <si>
    <t>98,590,626</t>
  </si>
  <si>
    <t>50,000,000</t>
  </si>
  <si>
    <t>2,789,000</t>
  </si>
  <si>
    <t>47,211,000</t>
  </si>
  <si>
    <t>50,746,000</t>
  </si>
  <si>
    <t>183,213,548円</t>
  </si>
  <si>
    <t>令和６年度神奈川県介護保険財政安定化基金会計歳入歳出決算書</t>
  </si>
  <si>
    <t>介護保険財政安定化基金</t>
  </si>
  <si>
    <t>8,599,000</t>
  </si>
  <si>
    <t>8,365,854</t>
  </si>
  <si>
    <t>233,146</t>
  </si>
  <si>
    <t>8,504,000</t>
  </si>
  <si>
    <t>8,365,401</t>
  </si>
  <si>
    <t>138,599</t>
  </si>
  <si>
    <t>95,000</t>
  </si>
  <si>
    <t>453</t>
  </si>
  <si>
    <t>94,547</t>
  </si>
  <si>
    <t>介護保険財政
安定化費</t>
  </si>
  <si>
    <t>233,599</t>
  </si>
  <si>
    <t>453円</t>
  </si>
  <si>
    <t>令和６年度神奈川県母子父子寡婦福祉資金会計歳入歳出決算書</t>
  </si>
  <si>
    <t>母子父子寡婦福祉資金収入</t>
  </si>
  <si>
    <t>1,821,241,000</t>
  </si>
  <si>
    <t>2,554,080,172</t>
  </si>
  <si>
    <t>1,933,339,782</t>
  </si>
  <si>
    <t>14,364,671</t>
  </si>
  <si>
    <t>606,375,719</t>
  </si>
  <si>
    <t>112,098,782</t>
  </si>
  <si>
    <t>458,130,000</t>
  </si>
  <si>
    <t>1,130,006,399</t>
  </si>
  <si>
    <t>511,088,403</t>
  </si>
  <si>
    <t>14,333,947</t>
  </si>
  <si>
    <t>604,584,049</t>
  </si>
  <si>
    <t>52,958,403</t>
  </si>
  <si>
    <t>27,295,000</t>
  </si>
  <si>
    <t>1,334,043,000</t>
  </si>
  <si>
    <t>1,392,787,187</t>
  </si>
  <si>
    <t>58,744,187</t>
  </si>
  <si>
    <t>1,773,000</t>
  </si>
  <si>
    <t>3,991,586</t>
  </si>
  <si>
    <t>2,169,192</t>
  </si>
  <si>
    <t>30,724</t>
  </si>
  <si>
    <t>1,791,670</t>
  </si>
  <si>
    <t>396,192</t>
  </si>
  <si>
    <t>母子父子寡婦
福祉資金</t>
  </si>
  <si>
    <t>853,871,994</t>
  </si>
  <si>
    <t>967,369,006</t>
  </si>
  <si>
    <t>340,000,000</t>
  </si>
  <si>
    <t>154,240,053</t>
  </si>
  <si>
    <t>185,759,947</t>
  </si>
  <si>
    <t>29,667,000</t>
  </si>
  <si>
    <t>19,567,348</t>
  </si>
  <si>
    <t>10,099,652</t>
  </si>
  <si>
    <t>225,775,000</t>
  </si>
  <si>
    <t>225,774,698</t>
  </si>
  <si>
    <t>302</t>
  </si>
  <si>
    <t>454,290,000</t>
  </si>
  <si>
    <t>454,289,895</t>
  </si>
  <si>
    <t>105</t>
  </si>
  <si>
    <t>771,509,000</t>
  </si>
  <si>
    <t>1,079,467,788円</t>
  </si>
  <si>
    <t>令和６年度神奈川県国民健康保険事業会計歳入歳出決算書</t>
  </si>
  <si>
    <t>国民健康保険事業収入</t>
  </si>
  <si>
    <t>702,010,148,000</t>
  </si>
  <si>
    <t>700,827,054,783</t>
  </si>
  <si>
    <t>1,183,093,217</t>
  </si>
  <si>
    <t>分担金及び　負担金</t>
  </si>
  <si>
    <t>245,929,760,000</t>
  </si>
  <si>
    <t>246,630,092,972</t>
  </si>
  <si>
    <t>700,332,972</t>
  </si>
  <si>
    <t>180,306,697,000</t>
  </si>
  <si>
    <t>186,614,903,795</t>
  </si>
  <si>
    <t>6,308,206,795</t>
  </si>
  <si>
    <t>35,100,000</t>
  </si>
  <si>
    <t>29,747,799</t>
  </si>
  <si>
    <t>5,352,201</t>
  </si>
  <si>
    <t>57,528,780,000</t>
  </si>
  <si>
    <t>49,797,712,525</t>
  </si>
  <si>
    <t>7,731,067,475</t>
  </si>
  <si>
    <t>210,700,052,000</t>
  </si>
  <si>
    <t>210,244,838,291</t>
  </si>
  <si>
    <t>455,213,709</t>
  </si>
  <si>
    <t xml:space="preserve"> 6</t>
  </si>
  <si>
    <t>7,509,759,000</t>
  </si>
  <si>
    <t>7,509,759,401</t>
  </si>
  <si>
    <t>401</t>
  </si>
  <si>
    <t>国民健康保険
事業費</t>
  </si>
  <si>
    <t>691,573,063,493</t>
  </si>
  <si>
    <t>10,437,084,507</t>
  </si>
  <si>
    <t>693,386,581,000</t>
  </si>
  <si>
    <t>688,154,848,694</t>
  </si>
  <si>
    <t>5,231,732,306</t>
  </si>
  <si>
    <t>200,000,000</t>
  </si>
  <si>
    <t>3,223,567,000</t>
  </si>
  <si>
    <t>3,218,214,799</t>
  </si>
  <si>
    <t>5,200,000,000</t>
  </si>
  <si>
    <t>9,253,991,290円</t>
  </si>
  <si>
    <t>令和６年度地方独立行政法人神奈川県立病院機構資金会計歳入歳出決算書</t>
  </si>
  <si>
    <t>病院機構資金
収入</t>
  </si>
  <si>
    <t>6,370,991,000</t>
  </si>
  <si>
    <t>6,292,990,204</t>
  </si>
  <si>
    <t>78,000,796</t>
  </si>
  <si>
    <t>3,661,991,000</t>
  </si>
  <si>
    <t>3,661,990,204</t>
  </si>
  <si>
    <t>796</t>
  </si>
  <si>
    <t>2,709,000,000</t>
  </si>
  <si>
    <t>2,631,000,000</t>
  </si>
  <si>
    <t>78,000,000</t>
  </si>
  <si>
    <t>病院機構資金</t>
  </si>
  <si>
    <t>令和６年度神奈川県中小企業資金会計歳入歳出決算書</t>
  </si>
  <si>
    <t>中小企業資金収入</t>
  </si>
  <si>
    <t>1,573,035,000</t>
  </si>
  <si>
    <t>1,999,695,166</t>
  </si>
  <si>
    <t>1,532,814,119</t>
  </si>
  <si>
    <t>466,881,047</t>
  </si>
  <si>
    <t>40,220,881</t>
  </si>
  <si>
    <t>852,719,000</t>
  </si>
  <si>
    <t>1,296,547,067</t>
  </si>
  <si>
    <t>833,007,657</t>
  </si>
  <si>
    <t>463,539,410</t>
  </si>
  <si>
    <t>19,711,343</t>
  </si>
  <si>
    <t>367,669,000</t>
  </si>
  <si>
    <t>350,066,039</t>
  </si>
  <si>
    <t>17,602,961</t>
  </si>
  <si>
    <t>61,000</t>
  </si>
  <si>
    <t>14,376,307</t>
  </si>
  <si>
    <t>14,315,307</t>
  </si>
  <si>
    <t>2,586,000</t>
  </si>
  <si>
    <t>6,304,753</t>
  </si>
  <si>
    <t>2,963,116</t>
  </si>
  <si>
    <t>3,341,637</t>
  </si>
  <si>
    <t>377,116</t>
  </si>
  <si>
    <t>350,000,000</t>
  </si>
  <si>
    <t>332,401,000</t>
  </si>
  <si>
    <t>17,599,000</t>
  </si>
  <si>
    <t>中小企業資金</t>
  </si>
  <si>
    <t>1,517,738,455</t>
  </si>
  <si>
    <t>55,296,545</t>
  </si>
  <si>
    <t>703,751,000</t>
  </si>
  <si>
    <t>668,553,000</t>
  </si>
  <si>
    <t>35,198,000</t>
  </si>
  <si>
    <t>事業費</t>
  </si>
  <si>
    <t>13,918,000</t>
  </si>
  <si>
    <t>13,914,039</t>
  </si>
  <si>
    <t>3,961</t>
  </si>
  <si>
    <t>277,000</t>
  </si>
  <si>
    <t>139,878</t>
  </si>
  <si>
    <t>137,122</t>
  </si>
  <si>
    <t>328,793,000</t>
  </si>
  <si>
    <t>321,524,960</t>
  </si>
  <si>
    <t>7,268,040</t>
  </si>
  <si>
    <t>526,296,000</t>
  </si>
  <si>
    <t>513,606,578</t>
  </si>
  <si>
    <t>12,689,422</t>
  </si>
  <si>
    <t>15,075,664円</t>
  </si>
  <si>
    <t>令和６年度神奈川県県営住宅事業会計歳入歳出決算書</t>
  </si>
  <si>
    <t>県営住宅　　事業収入</t>
  </si>
  <si>
    <t>39,391,539,000</t>
  </si>
  <si>
    <t>34,860,051,697</t>
  </si>
  <si>
    <t>33,523,449,582</t>
  </si>
  <si>
    <t>36,075,503</t>
  </si>
  <si>
    <t>1,300,526,612</t>
  </si>
  <si>
    <t>5,868,089,418</t>
  </si>
  <si>
    <t>事業収入</t>
  </si>
  <si>
    <t>9,197,732,000</t>
  </si>
  <si>
    <t>10,590,471,560</t>
  </si>
  <si>
    <t>9,293,196,569</t>
  </si>
  <si>
    <t>1,261,199,488</t>
  </si>
  <si>
    <t>95,464,569</t>
  </si>
  <si>
    <t>使用料及び　手数料</t>
  </si>
  <si>
    <t>793,458,000</t>
  </si>
  <si>
    <t>828,542,349</t>
  </si>
  <si>
    <t>804,455,648</t>
  </si>
  <si>
    <t>24,086,701</t>
  </si>
  <si>
    <t>10,997,648</t>
  </si>
  <si>
    <t>8,291,678,000</t>
  </si>
  <si>
    <t>7,215,402,908</t>
  </si>
  <si>
    <t>1,076,275,092</t>
  </si>
  <si>
    <t>283,966,000</t>
  </si>
  <si>
    <t>58,975,352</t>
  </si>
  <si>
    <t>58,520,992</t>
  </si>
  <si>
    <t>454,360</t>
  </si>
  <si>
    <t>225,445,008</t>
  </si>
  <si>
    <t>5,253,766,000</t>
  </si>
  <si>
    <t>5,253,448,800</t>
  </si>
  <si>
    <t>317,200</t>
  </si>
  <si>
    <t>929,167,000</t>
  </si>
  <si>
    <t>929,167,354</t>
  </si>
  <si>
    <t>354</t>
  </si>
  <si>
    <t xml:space="preserve"> 7</t>
  </si>
  <si>
    <t>11,772,000</t>
  </si>
  <si>
    <t>58,043,374</t>
  </si>
  <si>
    <t>43,257,311</t>
  </si>
  <si>
    <t>14,786,063</t>
  </si>
  <si>
    <t>31,485,311</t>
  </si>
  <si>
    <t xml:space="preserve"> 8</t>
  </si>
  <si>
    <t>14,630,000,000</t>
  </si>
  <si>
    <t>9,926,000,000</t>
  </si>
  <si>
    <t>4,704,000,000</t>
  </si>
  <si>
    <t>県営住宅
事業費</t>
  </si>
  <si>
    <t>32,585,322,927</t>
  </si>
  <si>
    <t>5,021,003,024</t>
  </si>
  <si>
    <t>1,785,213,049</t>
  </si>
  <si>
    <t>6,806,216,073</t>
  </si>
  <si>
    <t>住宅費</t>
  </si>
  <si>
    <t>33,479,132,000</t>
  </si>
  <si>
    <t>26,676,310,099</t>
  </si>
  <si>
    <t>1,781,818,877</t>
  </si>
  <si>
    <t>6,802,821,901</t>
  </si>
  <si>
    <t>1,211,584,000</t>
  </si>
  <si>
    <t>4,698,823,000</t>
  </si>
  <si>
    <t>4,697,428,828</t>
  </si>
  <si>
    <t>1,394,172</t>
  </si>
  <si>
    <t>2,000,000</t>
  </si>
  <si>
    <t>938,126,655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font>
      <sz val="11"/>
      <name val="ＭＳ 明朝"/>
      <family val="1"/>
      <charset val="128"/>
    </font>
    <font>
      <sz val="13"/>
      <name val="ＭＳ ゴシック"/>
      <family val="3"/>
      <charset val="128"/>
    </font>
    <font>
      <sz val="6"/>
      <name val="ＭＳ 明朝"/>
      <family val="1"/>
      <charset val="128"/>
    </font>
    <font>
      <sz val="14"/>
      <name val="ＭＳ ゴシック"/>
      <family val="3"/>
      <charset val="128"/>
    </font>
    <font>
      <sz val="8"/>
      <name val="ＭＳ ゴシック"/>
      <family val="3"/>
      <charset val="128"/>
    </font>
    <font>
      <sz val="14"/>
      <name val="ＭＳ 明朝"/>
      <family val="1"/>
      <charset val="128"/>
    </font>
    <font>
      <sz val="8"/>
      <name val="ＭＳ 明朝"/>
      <family val="1"/>
      <charset val="128"/>
    </font>
    <font>
      <sz val="6"/>
      <name val="ＭＳ Ｐゴシック"/>
      <family val="3"/>
      <charset val="128"/>
    </font>
    <font>
      <sz val="8"/>
      <name val="ＭＳ　ゴシック"/>
      <family val="3"/>
      <charset val="128"/>
    </font>
    <font>
      <sz val="12"/>
      <name val="ＭＳ 明朝"/>
      <family val="1"/>
      <charset val="128"/>
    </font>
    <font>
      <sz val="17"/>
      <name val="ＭＳ 明朝"/>
      <family val="1"/>
      <charset val="128"/>
    </font>
    <font>
      <sz val="11"/>
      <name val="ＭＳ ゴシック"/>
      <family val="3"/>
      <charset val="128"/>
    </font>
    <font>
      <sz val="8"/>
      <color theme="0"/>
      <name val="ＭＳ ゴシック"/>
      <family val="3"/>
      <charset val="128"/>
    </font>
    <font>
      <sz val="8"/>
      <color theme="0"/>
      <name val="ＭＳ 明朝"/>
      <family val="1"/>
      <charset val="128"/>
    </font>
    <font>
      <sz val="7"/>
      <name val="ＭＳ ゴシック"/>
      <family val="3"/>
      <charset val="128"/>
    </font>
    <font>
      <sz val="15"/>
      <name val="ＭＳ 明朝"/>
      <family val="1"/>
      <charset val="128"/>
    </font>
  </fonts>
  <fills count="2">
    <fill>
      <patternFill patternType="none"/>
    </fill>
    <fill>
      <patternFill patternType="gray125"/>
    </fill>
  </fills>
  <borders count="41">
    <border>
      <left/>
      <right/>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hair">
        <color indexed="64"/>
      </left>
      <right/>
      <top style="thin">
        <color indexed="64"/>
      </top>
      <bottom/>
      <diagonal/>
    </border>
    <border>
      <left/>
      <right style="hair">
        <color indexed="64"/>
      </right>
      <top style="thin">
        <color indexed="64"/>
      </top>
      <bottom/>
      <diagonal/>
    </border>
    <border>
      <left/>
      <right style="thin">
        <color indexed="64"/>
      </right>
      <top style="thin">
        <color indexed="64"/>
      </top>
      <bottom/>
      <diagonal/>
    </border>
    <border>
      <left style="thin">
        <color indexed="64"/>
      </left>
      <right/>
      <top/>
      <bottom/>
      <diagonal/>
    </border>
    <border>
      <left style="hair">
        <color indexed="64"/>
      </left>
      <right/>
      <top/>
      <bottom/>
      <diagonal/>
    </border>
    <border>
      <left/>
      <right style="hair">
        <color indexed="64"/>
      </right>
      <top/>
      <bottom/>
      <diagonal/>
    </border>
    <border>
      <left/>
      <right style="thin">
        <color indexed="64"/>
      </right>
      <top/>
      <bottom/>
      <diagonal/>
    </border>
    <border>
      <left style="hair">
        <color indexed="64"/>
      </left>
      <right/>
      <top style="hair">
        <color indexed="64"/>
      </top>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right style="thin">
        <color indexed="64"/>
      </right>
      <top style="thin">
        <color indexed="64"/>
      </top>
      <bottom style="thin">
        <color indexed="64"/>
      </bottom>
      <diagonal/>
    </border>
    <border>
      <left style="hair">
        <color auto="1"/>
      </left>
      <right style="hair">
        <color auto="1"/>
      </right>
      <top/>
      <bottom style="hair">
        <color auto="1"/>
      </bottom>
      <diagonal/>
    </border>
    <border>
      <left style="hair">
        <color auto="1"/>
      </left>
      <right/>
      <top/>
      <bottom style="hair">
        <color auto="1"/>
      </bottom>
      <diagonal/>
    </border>
    <border>
      <left/>
      <right/>
      <top/>
      <bottom style="hair">
        <color auto="1"/>
      </bottom>
      <diagonal/>
    </border>
    <border>
      <left/>
      <right style="hair">
        <color indexed="64"/>
      </right>
      <top/>
      <bottom style="hair">
        <color auto="1"/>
      </bottom>
      <diagonal/>
    </border>
    <border>
      <left style="hair">
        <color auto="1"/>
      </left>
      <right/>
      <top style="hair">
        <color auto="1"/>
      </top>
      <bottom style="hair">
        <color indexed="64"/>
      </bottom>
      <diagonal/>
    </border>
    <border>
      <left/>
      <right style="thin">
        <color indexed="64"/>
      </right>
      <top/>
      <bottom style="hair">
        <color auto="1"/>
      </bottom>
      <diagonal/>
    </border>
    <border>
      <left/>
      <right/>
      <top style="thin">
        <color indexed="64"/>
      </top>
      <bottom style="thin">
        <color indexed="64"/>
      </bottom>
      <diagonal/>
    </border>
    <border>
      <left style="hair">
        <color auto="1"/>
      </left>
      <right style="hair">
        <color auto="1"/>
      </right>
      <top/>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right/>
      <top style="hair">
        <color auto="1"/>
      </top>
      <bottom style="hair">
        <color auto="1"/>
      </bottom>
      <diagonal/>
    </border>
    <border>
      <left/>
      <right style="hair">
        <color indexed="64"/>
      </right>
      <top style="hair">
        <color auto="1"/>
      </top>
      <bottom style="hair">
        <color auto="1"/>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left/>
      <right style="thin">
        <color indexed="64"/>
      </right>
      <top/>
      <bottom style="thin">
        <color indexed="64"/>
      </bottom>
      <diagonal/>
    </border>
    <border>
      <left/>
      <right style="thin">
        <color indexed="64"/>
      </right>
      <top style="hair">
        <color auto="1"/>
      </top>
      <bottom style="hair">
        <color indexed="64"/>
      </bottom>
      <diagonal/>
    </border>
    <border>
      <left style="hair">
        <color auto="1"/>
      </left>
      <right/>
      <top style="hair">
        <color auto="1"/>
      </top>
      <bottom style="thin">
        <color indexed="64"/>
      </bottom>
      <diagonal/>
    </border>
  </borders>
  <cellStyleXfs count="1">
    <xf numFmtId="0" fontId="0" fillId="0" borderId="0"/>
  </cellStyleXfs>
  <cellXfs count="213">
    <xf numFmtId="0" fontId="0" fillId="0" borderId="0" xfId="0"/>
    <xf numFmtId="49" fontId="1" fillId="0" borderId="0" xfId="0" applyNumberFormat="1" applyFont="1" applyBorder="1" applyAlignment="1">
      <alignment vertical="center"/>
    </xf>
    <xf numFmtId="49" fontId="3" fillId="0" borderId="0" xfId="0" applyNumberFormat="1" applyFont="1" applyBorder="1" applyAlignment="1">
      <alignment vertical="center"/>
    </xf>
    <xf numFmtId="0" fontId="0" fillId="0" borderId="0" xfId="0" applyFont="1"/>
    <xf numFmtId="49" fontId="6" fillId="0" borderId="0" xfId="0" applyNumberFormat="1" applyFont="1" applyBorder="1" applyAlignment="1">
      <alignment vertical="center"/>
    </xf>
    <xf numFmtId="0" fontId="6" fillId="0" borderId="0" xfId="0" applyFont="1"/>
    <xf numFmtId="0" fontId="0" fillId="0" borderId="0" xfId="0" applyAlignment="1"/>
    <xf numFmtId="0" fontId="9" fillId="0" borderId="0" xfId="0" applyFont="1"/>
    <xf numFmtId="0" fontId="3" fillId="0" borderId="0" xfId="0" applyNumberFormat="1" applyFont="1" applyBorder="1" applyAlignment="1">
      <alignment vertical="center"/>
    </xf>
    <xf numFmtId="0" fontId="4" fillId="0" borderId="0" xfId="0" applyNumberFormat="1" applyFont="1" applyBorder="1" applyAlignment="1">
      <alignment horizontal="right" vertical="center"/>
    </xf>
    <xf numFmtId="0" fontId="5" fillId="0" borderId="0" xfId="0" applyNumberFormat="1" applyFont="1" applyBorder="1" applyAlignment="1">
      <alignment vertical="center"/>
    </xf>
    <xf numFmtId="0" fontId="5" fillId="0" borderId="0" xfId="0" applyNumberFormat="1" applyFont="1" applyAlignment="1">
      <alignment vertical="center"/>
    </xf>
    <xf numFmtId="0" fontId="5" fillId="0" borderId="0" xfId="0" applyNumberFormat="1" applyFont="1" applyBorder="1" applyAlignment="1" applyProtection="1">
      <alignment vertical="top"/>
    </xf>
    <xf numFmtId="0" fontId="0" fillId="0" borderId="0" xfId="0" applyNumberFormat="1" applyFont="1"/>
    <xf numFmtId="0" fontId="6" fillId="0" borderId="0" xfId="0" applyNumberFormat="1" applyFont="1"/>
    <xf numFmtId="0" fontId="6" fillId="0" borderId="0" xfId="0" applyNumberFormat="1" applyFont="1" applyBorder="1" applyAlignment="1">
      <alignment horizontal="right" vertical="center"/>
    </xf>
    <xf numFmtId="0" fontId="6" fillId="0" borderId="0" xfId="0" applyNumberFormat="1" applyFont="1" applyBorder="1" applyAlignment="1">
      <alignment horizontal="left" vertical="center"/>
    </xf>
    <xf numFmtId="0" fontId="8" fillId="0" borderId="0" xfId="0" applyNumberFormat="1" applyFont="1" applyBorder="1" applyAlignment="1">
      <alignment horizontal="right" vertical="center"/>
    </xf>
    <xf numFmtId="0" fontId="8" fillId="0" borderId="0" xfId="0" applyNumberFormat="1" applyFont="1" applyBorder="1" applyAlignment="1">
      <alignment horizontal="right" vertical="center" shrinkToFit="1"/>
    </xf>
    <xf numFmtId="0" fontId="0" fillId="0" borderId="0" xfId="0" applyNumberFormat="1" applyBorder="1"/>
    <xf numFmtId="0" fontId="0" fillId="0" borderId="0" xfId="0" applyNumberFormat="1"/>
    <xf numFmtId="0" fontId="6" fillId="0" borderId="0" xfId="0" applyNumberFormat="1" applyFont="1" applyBorder="1" applyAlignment="1">
      <alignment horizontal="distributed" vertical="center"/>
    </xf>
    <xf numFmtId="0" fontId="6" fillId="0" borderId="0" xfId="0" applyNumberFormat="1" applyFont="1" applyBorder="1" applyAlignment="1">
      <alignment horizontal="right" vertical="center" shrinkToFit="1"/>
    </xf>
    <xf numFmtId="0" fontId="6" fillId="0" borderId="0" xfId="0" applyNumberFormat="1" applyFont="1" applyBorder="1" applyAlignment="1">
      <alignment horizontal="left" vertical="center" wrapText="1"/>
    </xf>
    <xf numFmtId="0" fontId="6" fillId="0" borderId="0" xfId="0" applyNumberFormat="1" applyFont="1" applyBorder="1" applyAlignment="1">
      <alignment horizontal="right" vertical="center" wrapText="1"/>
    </xf>
    <xf numFmtId="0" fontId="4" fillId="0" borderId="0" xfId="0" applyNumberFormat="1" applyFont="1" applyBorder="1" applyAlignment="1">
      <alignment vertical="center" justifyLastLine="1"/>
    </xf>
    <xf numFmtId="0" fontId="8" fillId="0" borderId="0" xfId="0" applyNumberFormat="1" applyFont="1" applyBorder="1" applyAlignment="1">
      <alignment horizontal="left" vertical="center"/>
    </xf>
    <xf numFmtId="0" fontId="0" fillId="0" borderId="0" xfId="0" applyNumberFormat="1" applyBorder="1" applyAlignment="1"/>
    <xf numFmtId="0" fontId="0" fillId="0" borderId="0" xfId="0" applyNumberFormat="1" applyAlignment="1"/>
    <xf numFmtId="0" fontId="6" fillId="0" borderId="8" xfId="0" applyNumberFormat="1" applyFont="1" applyBorder="1" applyAlignment="1">
      <alignment horizontal="right" vertical="center"/>
    </xf>
    <xf numFmtId="0" fontId="6" fillId="0" borderId="0" xfId="0" applyNumberFormat="1" applyFont="1" applyBorder="1"/>
    <xf numFmtId="0" fontId="6" fillId="0" borderId="19" xfId="0" applyNumberFormat="1" applyFont="1" applyBorder="1" applyAlignment="1">
      <alignment horizontal="right" vertical="center"/>
    </xf>
    <xf numFmtId="0" fontId="1" fillId="0" borderId="0" xfId="0" applyNumberFormat="1" applyFont="1" applyBorder="1" applyAlignment="1">
      <alignment vertical="center"/>
    </xf>
    <xf numFmtId="0" fontId="4" fillId="0" borderId="0" xfId="0" applyNumberFormat="1" applyFont="1" applyBorder="1" applyAlignment="1">
      <alignment vertical="center"/>
    </xf>
    <xf numFmtId="0" fontId="6" fillId="0" borderId="3" xfId="0" applyNumberFormat="1" applyFont="1" applyBorder="1" applyAlignment="1">
      <alignment vertical="center"/>
    </xf>
    <xf numFmtId="0" fontId="6" fillId="0" borderId="5" xfId="0" applyNumberFormat="1" applyFont="1" applyBorder="1" applyAlignment="1">
      <alignment horizontal="right" vertical="center"/>
    </xf>
    <xf numFmtId="0" fontId="6" fillId="0" borderId="19" xfId="0" applyNumberFormat="1" applyFont="1" applyBorder="1" applyAlignment="1">
      <alignment vertical="center"/>
    </xf>
    <xf numFmtId="0" fontId="4" fillId="0" borderId="0" xfId="0" applyNumberFormat="1" applyFont="1" applyBorder="1" applyAlignment="1">
      <alignment horizontal="distributed" vertical="center" justifyLastLine="1"/>
    </xf>
    <xf numFmtId="0" fontId="9" fillId="0" borderId="0" xfId="0" applyNumberFormat="1" applyFont="1" applyBorder="1"/>
    <xf numFmtId="0" fontId="9" fillId="0" borderId="0" xfId="0" applyNumberFormat="1" applyFont="1" applyBorder="1" applyAlignment="1">
      <alignment vertical="distributed"/>
    </xf>
    <xf numFmtId="0" fontId="9" fillId="0" borderId="0" xfId="0" applyNumberFormat="1" applyFont="1"/>
    <xf numFmtId="0" fontId="9" fillId="0" borderId="0" xfId="0" applyNumberFormat="1" applyFont="1" applyBorder="1" applyAlignment="1">
      <alignment horizontal="right"/>
    </xf>
    <xf numFmtId="0" fontId="9" fillId="0" borderId="0" xfId="0" applyNumberFormat="1" applyFont="1" applyBorder="1" applyAlignment="1"/>
    <xf numFmtId="0" fontId="9" fillId="0" borderId="0" xfId="0" applyNumberFormat="1" applyFont="1" applyBorder="1" applyAlignment="1">
      <alignment horizontal="distributed"/>
    </xf>
    <xf numFmtId="0" fontId="9" fillId="0" borderId="0" xfId="0" applyNumberFormat="1" applyFont="1" applyBorder="1" applyAlignment="1">
      <alignment horizontal="left"/>
    </xf>
    <xf numFmtId="0" fontId="6" fillId="0" borderId="9" xfId="0" applyNumberFormat="1" applyFont="1" applyBorder="1" applyAlignment="1">
      <alignment vertical="center"/>
    </xf>
    <xf numFmtId="0" fontId="6" fillId="0" borderId="9" xfId="0" applyNumberFormat="1" applyFont="1" applyBorder="1" applyAlignment="1">
      <alignment horizontal="right" vertical="center"/>
    </xf>
    <xf numFmtId="0" fontId="8" fillId="0" borderId="0" xfId="0" applyNumberFormat="1" applyFont="1" applyBorder="1" applyAlignment="1">
      <alignment horizontal="right" vertical="center" shrinkToFit="1"/>
    </xf>
    <xf numFmtId="0" fontId="6" fillId="0" borderId="0" xfId="0" applyNumberFormat="1" applyFont="1" applyBorder="1" applyAlignment="1">
      <alignment horizontal="right" vertical="center"/>
    </xf>
    <xf numFmtId="0" fontId="9" fillId="0" borderId="0" xfId="0" applyNumberFormat="1" applyFont="1" applyBorder="1" applyAlignment="1">
      <alignment horizontal="distributed"/>
    </xf>
    <xf numFmtId="0" fontId="6" fillId="0" borderId="11" xfId="0" applyNumberFormat="1" applyFont="1" applyBorder="1" applyAlignment="1">
      <alignment horizontal="right" vertical="center"/>
    </xf>
    <xf numFmtId="0" fontId="4" fillId="0" borderId="0" xfId="0" applyNumberFormat="1" applyFont="1" applyBorder="1" applyAlignment="1">
      <alignment horizontal="distributed" vertical="center" wrapText="1"/>
    </xf>
    <xf numFmtId="0" fontId="6" fillId="0" borderId="23" xfId="0" applyNumberFormat="1" applyFont="1" applyBorder="1" applyAlignment="1">
      <alignment horizontal="right" vertical="center"/>
    </xf>
    <xf numFmtId="0" fontId="4" fillId="0" borderId="19" xfId="0" applyNumberFormat="1" applyFont="1" applyBorder="1" applyAlignment="1">
      <alignment horizontal="right" vertical="center" shrinkToFit="1"/>
    </xf>
    <xf numFmtId="0" fontId="11" fillId="0" borderId="19" xfId="0" applyNumberFormat="1" applyFont="1" applyBorder="1"/>
    <xf numFmtId="0" fontId="4" fillId="0" borderId="19" xfId="0" applyNumberFormat="1" applyFont="1" applyBorder="1" applyAlignment="1">
      <alignment horizontal="right" vertical="center"/>
    </xf>
    <xf numFmtId="0" fontId="4" fillId="0" borderId="23" xfId="0" applyNumberFormat="1" applyFont="1" applyBorder="1" applyAlignment="1">
      <alignment horizontal="right" vertical="center"/>
    </xf>
    <xf numFmtId="0" fontId="6" fillId="0" borderId="19" xfId="0" applyNumberFormat="1" applyFont="1" applyBorder="1" applyAlignment="1">
      <alignment horizontal="right" vertical="center" shrinkToFit="1"/>
    </xf>
    <xf numFmtId="0" fontId="0" fillId="0" borderId="22" xfId="0" applyNumberFormat="1" applyFont="1" applyBorder="1"/>
    <xf numFmtId="0" fontId="4" fillId="0" borderId="15" xfId="0" applyNumberFormat="1" applyFont="1" applyBorder="1" applyAlignment="1">
      <alignment horizontal="right" vertical="center" shrinkToFit="1"/>
    </xf>
    <xf numFmtId="0" fontId="11" fillId="0" borderId="15" xfId="0" applyNumberFormat="1" applyFont="1" applyBorder="1"/>
    <xf numFmtId="0" fontId="4" fillId="0" borderId="15" xfId="0" applyNumberFormat="1" applyFont="1" applyBorder="1" applyAlignment="1">
      <alignment horizontal="right" vertical="center"/>
    </xf>
    <xf numFmtId="0" fontId="4" fillId="0" borderId="17" xfId="0" applyNumberFormat="1" applyFont="1" applyBorder="1" applyAlignment="1">
      <alignment horizontal="right" vertical="center"/>
    </xf>
    <xf numFmtId="0" fontId="4" fillId="0" borderId="8" xfId="0" applyNumberFormat="1" applyFont="1" applyBorder="1" applyAlignment="1">
      <alignment horizontal="right" vertical="center"/>
    </xf>
    <xf numFmtId="0" fontId="4" fillId="0" borderId="8" xfId="0" applyNumberFormat="1" applyFont="1" applyBorder="1" applyAlignment="1">
      <alignment vertical="center"/>
    </xf>
    <xf numFmtId="0" fontId="4" fillId="0" borderId="19" xfId="0" applyNumberFormat="1" applyFont="1" applyBorder="1" applyAlignment="1">
      <alignment vertical="center"/>
    </xf>
    <xf numFmtId="0" fontId="4" fillId="0" borderId="15" xfId="0" applyNumberFormat="1" applyFont="1" applyBorder="1" applyAlignment="1">
      <alignment vertical="center"/>
    </xf>
    <xf numFmtId="0" fontId="4" fillId="0" borderId="17" xfId="0" applyNumberFormat="1" applyFont="1" applyBorder="1" applyAlignment="1">
      <alignment horizontal="right" vertical="center"/>
    </xf>
    <xf numFmtId="0" fontId="6" fillId="0" borderId="9" xfId="0" applyNumberFormat="1" applyFont="1" applyBorder="1" applyAlignment="1">
      <alignment horizontal="right" vertical="center" shrinkToFit="1"/>
    </xf>
    <xf numFmtId="0" fontId="0" fillId="0" borderId="12" xfId="0" applyNumberFormat="1" applyFont="1" applyBorder="1"/>
    <xf numFmtId="0" fontId="0" fillId="0" borderId="0" xfId="0" applyNumberFormat="1" applyFont="1" applyBorder="1"/>
    <xf numFmtId="0" fontId="11" fillId="0" borderId="0" xfId="0" applyFont="1" applyAlignment="1"/>
    <xf numFmtId="0" fontId="12" fillId="0" borderId="8" xfId="0" applyNumberFormat="1" applyFont="1" applyBorder="1" applyAlignment="1">
      <alignment horizontal="right" vertical="center"/>
    </xf>
    <xf numFmtId="0" fontId="12" fillId="0" borderId="8" xfId="0" applyNumberFormat="1" applyFont="1" applyBorder="1" applyAlignment="1">
      <alignment vertical="center"/>
    </xf>
    <xf numFmtId="0" fontId="12" fillId="0" borderId="15" xfId="0" applyNumberFormat="1" applyFont="1" applyBorder="1" applyAlignment="1">
      <alignment vertical="center"/>
    </xf>
    <xf numFmtId="0" fontId="12" fillId="0" borderId="15" xfId="0" applyNumberFormat="1" applyFont="1" applyBorder="1" applyAlignment="1">
      <alignment horizontal="right" vertical="center"/>
    </xf>
    <xf numFmtId="0" fontId="6" fillId="0" borderId="11" xfId="0" applyNumberFormat="1" applyFont="1" applyBorder="1" applyAlignment="1">
      <alignment horizontal="right" vertical="center"/>
    </xf>
    <xf numFmtId="0" fontId="4" fillId="0" borderId="0" xfId="0" applyNumberFormat="1" applyFont="1" applyBorder="1" applyAlignment="1">
      <alignment horizontal="distributed" vertical="center" wrapText="1"/>
    </xf>
    <xf numFmtId="0" fontId="4" fillId="0" borderId="17" xfId="0" applyNumberFormat="1" applyFont="1" applyBorder="1" applyAlignment="1">
      <alignment horizontal="right" vertical="center"/>
    </xf>
    <xf numFmtId="0" fontId="0" fillId="0" borderId="19" xfId="0" applyNumberFormat="1" applyFont="1" applyBorder="1"/>
    <xf numFmtId="0" fontId="6" fillId="0" borderId="15" xfId="0" applyNumberFormat="1" applyFont="1" applyBorder="1" applyAlignment="1">
      <alignment vertical="center"/>
    </xf>
    <xf numFmtId="0" fontId="4" fillId="0" borderId="17" xfId="0" applyNumberFormat="1" applyFont="1" applyBorder="1" applyAlignment="1">
      <alignment horizontal="right" vertical="center"/>
    </xf>
    <xf numFmtId="0" fontId="4" fillId="0" borderId="0" xfId="0" applyNumberFormat="1" applyFont="1" applyBorder="1" applyAlignment="1">
      <alignment horizontal="distributed" vertical="center" wrapText="1"/>
    </xf>
    <xf numFmtId="0" fontId="6" fillId="0" borderId="23" xfId="0" applyNumberFormat="1" applyFont="1" applyBorder="1" applyAlignment="1">
      <alignment horizontal="right" vertical="center"/>
    </xf>
    <xf numFmtId="0" fontId="14" fillId="0" borderId="0" xfId="0" applyNumberFormat="1" applyFont="1" applyBorder="1" applyAlignment="1">
      <alignment horizontal="distributed" vertical="center" wrapText="1"/>
    </xf>
    <xf numFmtId="0" fontId="6" fillId="0" borderId="8" xfId="0" applyNumberFormat="1" applyFont="1" applyBorder="1" applyAlignment="1">
      <alignment vertical="center"/>
    </xf>
    <xf numFmtId="0" fontId="6" fillId="0" borderId="0" xfId="0" applyNumberFormat="1" applyFont="1" applyBorder="1" applyAlignment="1">
      <alignment horizontal="distributed" vertical="center" wrapText="1"/>
    </xf>
    <xf numFmtId="0" fontId="6" fillId="0" borderId="22" xfId="0" applyNumberFormat="1" applyFont="1" applyBorder="1" applyAlignment="1">
      <alignment horizontal="right" vertical="center"/>
    </xf>
    <xf numFmtId="0" fontId="6" fillId="0" borderId="0" xfId="0" applyFont="1" applyBorder="1"/>
    <xf numFmtId="0" fontId="4" fillId="0" borderId="34" xfId="0" applyNumberFormat="1" applyFont="1" applyBorder="1" applyAlignment="1">
      <alignment vertical="center"/>
    </xf>
    <xf numFmtId="0" fontId="6" fillId="0" borderId="37" xfId="0" applyNumberFormat="1" applyFont="1" applyBorder="1" applyAlignment="1">
      <alignment vertical="center"/>
    </xf>
    <xf numFmtId="0" fontId="6" fillId="0" borderId="37" xfId="0" applyNumberFormat="1" applyFont="1" applyBorder="1" applyAlignment="1">
      <alignment horizontal="right" vertical="center"/>
    </xf>
    <xf numFmtId="0" fontId="6" fillId="0" borderId="22" xfId="0" applyNumberFormat="1" applyFont="1" applyBorder="1" applyAlignment="1">
      <alignment vertical="center"/>
    </xf>
    <xf numFmtId="0" fontId="4" fillId="0" borderId="17" xfId="0" applyNumberFormat="1" applyFont="1" applyBorder="1" applyAlignment="1">
      <alignment horizontal="right" vertical="center"/>
    </xf>
    <xf numFmtId="0" fontId="14" fillId="0" borderId="0" xfId="0" applyNumberFormat="1" applyFont="1" applyBorder="1" applyAlignment="1">
      <alignment horizontal="distributed" vertical="center" wrapText="1"/>
    </xf>
    <xf numFmtId="0" fontId="4" fillId="0" borderId="17" xfId="0" applyNumberFormat="1" applyFont="1" applyBorder="1" applyAlignment="1">
      <alignment horizontal="right" vertical="center"/>
    </xf>
    <xf numFmtId="0" fontId="4" fillId="0" borderId="17" xfId="0" applyNumberFormat="1" applyFont="1" applyBorder="1" applyAlignment="1">
      <alignment horizontal="right" vertical="center"/>
    </xf>
    <xf numFmtId="0" fontId="4" fillId="0" borderId="15" xfId="0" applyNumberFormat="1" applyFont="1" applyBorder="1" applyAlignment="1">
      <alignment horizontal="right" vertical="center"/>
    </xf>
    <xf numFmtId="0" fontId="6" fillId="0" borderId="40" xfId="0" applyNumberFormat="1" applyFont="1" applyBorder="1" applyAlignment="1">
      <alignment vertical="center"/>
    </xf>
    <xf numFmtId="0" fontId="6" fillId="0" borderId="20" xfId="0" applyNumberFormat="1" applyFont="1" applyBorder="1" applyAlignment="1">
      <alignment horizontal="right" vertical="center"/>
    </xf>
    <xf numFmtId="0" fontId="6" fillId="0" borderId="23" xfId="0" applyNumberFormat="1" applyFont="1" applyBorder="1" applyAlignment="1">
      <alignment horizontal="right" vertical="center"/>
    </xf>
    <xf numFmtId="0" fontId="4" fillId="0" borderId="0" xfId="0" applyNumberFormat="1" applyFont="1" applyBorder="1" applyAlignment="1">
      <alignment horizontal="distributed" vertical="center" wrapText="1"/>
    </xf>
    <xf numFmtId="0" fontId="4" fillId="0" borderId="10" xfId="0" applyNumberFormat="1" applyFont="1" applyBorder="1" applyAlignment="1">
      <alignment horizontal="distributed" vertical="center" wrapText="1"/>
    </xf>
    <xf numFmtId="0" fontId="4" fillId="0" borderId="19" xfId="0" applyNumberFormat="1" applyFont="1" applyBorder="1" applyAlignment="1">
      <alignment horizontal="center" vertical="center"/>
    </xf>
    <xf numFmtId="0" fontId="4" fillId="0" borderId="20" xfId="0" applyNumberFormat="1" applyFont="1" applyBorder="1" applyAlignment="1">
      <alignment horizontal="center" vertical="center"/>
    </xf>
    <xf numFmtId="0" fontId="4" fillId="0" borderId="20" xfId="0" applyNumberFormat="1" applyFont="1" applyBorder="1" applyAlignment="1">
      <alignment horizontal="distributed" vertical="center"/>
    </xf>
    <xf numFmtId="0" fontId="4" fillId="0" borderId="21" xfId="0" applyNumberFormat="1" applyFont="1" applyBorder="1" applyAlignment="1">
      <alignment horizontal="distributed" vertical="center"/>
    </xf>
    <xf numFmtId="0" fontId="6" fillId="0" borderId="21" xfId="0" applyNumberFormat="1" applyFont="1" applyBorder="1" applyAlignment="1">
      <alignment horizontal="right" vertical="center"/>
    </xf>
    <xf numFmtId="0" fontId="9" fillId="0" borderId="0" xfId="0" applyFont="1" applyAlignment="1">
      <alignment horizontal="right"/>
    </xf>
    <xf numFmtId="0" fontId="6" fillId="0" borderId="19" xfId="0" applyNumberFormat="1" applyFont="1" applyBorder="1" applyAlignment="1">
      <alignment horizontal="center" vertical="center"/>
    </xf>
    <xf numFmtId="0" fontId="6" fillId="0" borderId="20" xfId="0" applyNumberFormat="1" applyFont="1" applyBorder="1" applyAlignment="1">
      <alignment horizontal="center" vertical="center"/>
    </xf>
    <xf numFmtId="0" fontId="6" fillId="0" borderId="20" xfId="0" applyNumberFormat="1" applyFont="1" applyBorder="1" applyAlignment="1">
      <alignment horizontal="distributed" vertical="center"/>
    </xf>
    <xf numFmtId="0" fontId="6" fillId="0" borderId="21" xfId="0" applyNumberFormat="1" applyFont="1" applyBorder="1" applyAlignment="1">
      <alignment horizontal="distributed" vertical="center"/>
    </xf>
    <xf numFmtId="0" fontId="9" fillId="0" borderId="0" xfId="0" applyNumberFormat="1" applyFont="1" applyBorder="1" applyAlignment="1">
      <alignment horizontal="distributed" vertical="distributed"/>
    </xf>
    <xf numFmtId="0" fontId="9" fillId="0" borderId="0" xfId="0" applyNumberFormat="1" applyFont="1" applyBorder="1" applyAlignment="1">
      <alignment horizontal="distributed"/>
    </xf>
    <xf numFmtId="0" fontId="10" fillId="0" borderId="0" xfId="0" applyNumberFormat="1" applyFont="1" applyAlignment="1">
      <alignment horizontal="center"/>
    </xf>
    <xf numFmtId="0" fontId="4" fillId="0" borderId="33" xfId="0" applyNumberFormat="1" applyFont="1" applyBorder="1" applyAlignment="1">
      <alignment horizontal="distributed" vertical="center" justifyLastLine="1"/>
    </xf>
    <xf numFmtId="0" fontId="4" fillId="0" borderId="24" xfId="0" applyNumberFormat="1" applyFont="1" applyBorder="1" applyAlignment="1">
      <alignment horizontal="distributed" vertical="center" justifyLastLine="1"/>
    </xf>
    <xf numFmtId="0" fontId="4" fillId="0" borderId="16" xfId="0" applyNumberFormat="1" applyFont="1" applyBorder="1" applyAlignment="1">
      <alignment horizontal="distributed" vertical="center" justifyLastLine="1"/>
    </xf>
    <xf numFmtId="0" fontId="4" fillId="0" borderId="24" xfId="0" applyNumberFormat="1" applyFont="1" applyBorder="1" applyAlignment="1">
      <alignment horizontal="right" vertical="center"/>
    </xf>
    <xf numFmtId="0" fontId="4" fillId="0" borderId="16" xfId="0" applyNumberFormat="1" applyFont="1" applyBorder="1" applyAlignment="1">
      <alignment horizontal="right" vertical="center"/>
    </xf>
    <xf numFmtId="0" fontId="6" fillId="0" borderId="31" xfId="0" applyNumberFormat="1" applyFont="1" applyBorder="1" applyAlignment="1">
      <alignment horizontal="distributed" vertical="center"/>
    </xf>
    <xf numFmtId="0" fontId="6" fillId="0" borderId="32" xfId="0" applyNumberFormat="1" applyFont="1" applyBorder="1" applyAlignment="1">
      <alignment horizontal="distributed" vertical="center"/>
    </xf>
    <xf numFmtId="0" fontId="6" fillId="0" borderId="0" xfId="0" applyNumberFormat="1" applyFont="1" applyBorder="1" applyAlignment="1">
      <alignment horizontal="distributed" vertical="center" wrapText="1"/>
    </xf>
    <xf numFmtId="0" fontId="6" fillId="0" borderId="10" xfId="0" applyNumberFormat="1" applyFont="1" applyBorder="1" applyAlignment="1">
      <alignment horizontal="distributed" vertical="center" wrapText="1"/>
    </xf>
    <xf numFmtId="0" fontId="4" fillId="0" borderId="20" xfId="0" applyNumberFormat="1" applyFont="1" applyBorder="1" applyAlignment="1">
      <alignment horizontal="right" vertical="center"/>
    </xf>
    <xf numFmtId="0" fontId="4" fillId="0" borderId="23" xfId="0" applyNumberFormat="1" applyFont="1" applyBorder="1" applyAlignment="1">
      <alignment horizontal="right" vertical="center"/>
    </xf>
    <xf numFmtId="0" fontId="12" fillId="0" borderId="0" xfId="0" applyNumberFormat="1" applyFont="1" applyBorder="1" applyAlignment="1">
      <alignment horizontal="distributed" vertical="center" wrapText="1"/>
    </xf>
    <xf numFmtId="0" fontId="12" fillId="0" borderId="10" xfId="0" applyNumberFormat="1" applyFont="1" applyBorder="1" applyAlignment="1">
      <alignment horizontal="distributed" vertical="center" wrapText="1"/>
    </xf>
    <xf numFmtId="0" fontId="4" fillId="0" borderId="21" xfId="0" applyNumberFormat="1" applyFont="1" applyBorder="1" applyAlignment="1">
      <alignment horizontal="right" vertical="center"/>
    </xf>
    <xf numFmtId="0" fontId="6" fillId="0" borderId="4" xfId="0" applyNumberFormat="1" applyFont="1" applyBorder="1" applyAlignment="1">
      <alignment horizontal="right" vertical="center"/>
    </xf>
    <xf numFmtId="0" fontId="6" fillId="0" borderId="6" xfId="0" applyNumberFormat="1" applyFont="1" applyBorder="1" applyAlignment="1">
      <alignment horizontal="right" vertical="center"/>
    </xf>
    <xf numFmtId="0" fontId="6" fillId="0" borderId="7" xfId="0" applyNumberFormat="1" applyFont="1" applyBorder="1" applyAlignment="1">
      <alignment horizontal="right" vertical="center"/>
    </xf>
    <xf numFmtId="0" fontId="6" fillId="0" borderId="0" xfId="0" applyNumberFormat="1" applyFont="1" applyBorder="1" applyAlignment="1">
      <alignment horizontal="right" vertical="center"/>
    </xf>
    <xf numFmtId="0" fontId="6" fillId="0" borderId="10" xfId="0" applyNumberFormat="1" applyFont="1" applyBorder="1" applyAlignment="1">
      <alignment horizontal="right" vertical="center"/>
    </xf>
    <xf numFmtId="0" fontId="6" fillId="0" borderId="11" xfId="0" applyNumberFormat="1" applyFont="1" applyBorder="1" applyAlignment="1">
      <alignment horizontal="right" vertical="center"/>
    </xf>
    <xf numFmtId="0" fontId="6" fillId="0" borderId="9" xfId="0" applyNumberFormat="1" applyFont="1" applyBorder="1" applyAlignment="1">
      <alignment horizontal="center" vertical="center"/>
    </xf>
    <xf numFmtId="0" fontId="6" fillId="0" borderId="0" xfId="0" applyNumberFormat="1" applyFont="1" applyBorder="1" applyAlignment="1">
      <alignment horizontal="center" vertical="center"/>
    </xf>
    <xf numFmtId="0" fontId="6" fillId="0" borderId="0" xfId="0" applyNumberFormat="1" applyFont="1" applyBorder="1" applyAlignment="1">
      <alignment horizontal="distributed" vertical="center"/>
    </xf>
    <xf numFmtId="0" fontId="6" fillId="0" borderId="10" xfId="0" applyNumberFormat="1" applyFont="1" applyBorder="1" applyAlignment="1">
      <alignment horizontal="distributed" vertical="center"/>
    </xf>
    <xf numFmtId="0" fontId="6" fillId="0" borderId="20" xfId="0" applyNumberFormat="1" applyFont="1" applyBorder="1" applyAlignment="1">
      <alignment horizontal="distributed" vertical="center" shrinkToFit="1"/>
    </xf>
    <xf numFmtId="0" fontId="6" fillId="0" borderId="21" xfId="0" applyNumberFormat="1" applyFont="1" applyBorder="1" applyAlignment="1">
      <alignment horizontal="distributed" vertical="center" shrinkToFit="1"/>
    </xf>
    <xf numFmtId="0" fontId="6" fillId="0" borderId="1" xfId="0" applyNumberFormat="1" applyFont="1" applyBorder="1" applyAlignment="1">
      <alignment horizontal="distributed" vertical="center" justifyLastLine="1"/>
    </xf>
    <xf numFmtId="0" fontId="6" fillId="0" borderId="29" xfId="0" applyNumberFormat="1" applyFont="1" applyBorder="1" applyAlignment="1">
      <alignment horizontal="distributed" vertical="center" justifyLastLine="1"/>
    </xf>
    <xf numFmtId="0" fontId="6" fillId="0" borderId="1" xfId="0" applyNumberFormat="1" applyFont="1" applyBorder="1" applyAlignment="1" applyProtection="1">
      <alignment horizontal="distributed" vertical="center" justifyLastLine="1"/>
    </xf>
    <xf numFmtId="0" fontId="6" fillId="0" borderId="29" xfId="0" applyNumberFormat="1" applyFont="1" applyBorder="1" applyAlignment="1" applyProtection="1">
      <alignment horizontal="distributed" vertical="center" justifyLastLine="1"/>
    </xf>
    <xf numFmtId="0" fontId="6" fillId="0" borderId="1" xfId="0" applyNumberFormat="1" applyFont="1" applyBorder="1" applyAlignment="1">
      <alignment horizontal="distributed" vertical="center" wrapText="1"/>
    </xf>
    <xf numFmtId="0" fontId="6" fillId="0" borderId="1" xfId="0" applyNumberFormat="1" applyFont="1" applyBorder="1" applyAlignment="1">
      <alignment horizontal="distributed" vertical="center"/>
    </xf>
    <xf numFmtId="0" fontId="6" fillId="0" borderId="2" xfId="0" applyNumberFormat="1" applyFont="1" applyBorder="1" applyAlignment="1">
      <alignment horizontal="distributed" vertical="center"/>
    </xf>
    <xf numFmtId="0" fontId="6" fillId="0" borderId="29" xfId="0" applyNumberFormat="1" applyFont="1" applyBorder="1" applyAlignment="1">
      <alignment horizontal="distributed" vertical="center"/>
    </xf>
    <xf numFmtId="0" fontId="6" fillId="0" borderId="30" xfId="0" applyNumberFormat="1" applyFont="1" applyBorder="1" applyAlignment="1">
      <alignment horizontal="distributed" vertical="center"/>
    </xf>
    <xf numFmtId="0" fontId="6" fillId="0" borderId="27" xfId="0" applyNumberFormat="1" applyFont="1" applyBorder="1" applyAlignment="1">
      <alignment horizontal="center" vertical="center" justifyLastLine="1"/>
    </xf>
    <xf numFmtId="0" fontId="6" fillId="0" borderId="1" xfId="0" applyNumberFormat="1" applyFont="1" applyBorder="1" applyAlignment="1">
      <alignment horizontal="center" vertical="center" justifyLastLine="1"/>
    </xf>
    <xf numFmtId="0" fontId="6" fillId="0" borderId="28" xfId="0" applyNumberFormat="1" applyFont="1" applyBorder="1" applyAlignment="1">
      <alignment horizontal="center" vertical="center" justifyLastLine="1"/>
    </xf>
    <xf numFmtId="0" fontId="6" fillId="0" borderId="29" xfId="0" applyNumberFormat="1" applyFont="1" applyBorder="1" applyAlignment="1">
      <alignment horizontal="center" vertical="center" justifyLastLine="1"/>
    </xf>
    <xf numFmtId="0" fontId="6" fillId="0" borderId="18" xfId="0" applyNumberFormat="1" applyFont="1" applyBorder="1" applyAlignment="1">
      <alignment horizontal="right" vertical="center" wrapText="1"/>
    </xf>
    <xf numFmtId="0" fontId="6" fillId="0" borderId="18" xfId="0" applyNumberFormat="1" applyFont="1" applyBorder="1" applyAlignment="1">
      <alignment horizontal="right" vertical="center"/>
    </xf>
    <xf numFmtId="0" fontId="4" fillId="0" borderId="14" xfId="0" applyNumberFormat="1" applyFont="1" applyBorder="1" applyAlignment="1">
      <alignment horizontal="right" vertical="center"/>
    </xf>
    <xf numFmtId="0" fontId="4" fillId="0" borderId="13" xfId="0" applyNumberFormat="1" applyFont="1" applyBorder="1" applyAlignment="1">
      <alignment horizontal="distributed" vertical="center" justifyLastLine="1"/>
    </xf>
    <xf numFmtId="0" fontId="4" fillId="0" borderId="14" xfId="0" applyNumberFormat="1" applyFont="1" applyBorder="1" applyAlignment="1">
      <alignment horizontal="distributed" vertical="center" justifyLastLine="1"/>
    </xf>
    <xf numFmtId="0" fontId="4" fillId="0" borderId="14" xfId="0" applyNumberFormat="1" applyFont="1" applyBorder="1" applyAlignment="1">
      <alignment horizontal="right" vertical="center" wrapText="1"/>
    </xf>
    <xf numFmtId="0" fontId="6" fillId="0" borderId="13" xfId="0" applyNumberFormat="1" applyFont="1" applyBorder="1" applyAlignment="1">
      <alignment horizontal="distributed" vertical="center" justifyLastLine="1"/>
    </xf>
    <xf numFmtId="0" fontId="6" fillId="0" borderId="14" xfId="0" applyNumberFormat="1" applyFont="1" applyBorder="1" applyAlignment="1">
      <alignment horizontal="distributed" vertical="center" justifyLastLine="1"/>
    </xf>
    <xf numFmtId="0" fontId="6" fillId="0" borderId="14" xfId="0" applyNumberFormat="1" applyFont="1" applyBorder="1" applyAlignment="1">
      <alignment horizontal="center" vertical="center" justifyLastLine="1"/>
    </xf>
    <xf numFmtId="0" fontId="6" fillId="0" borderId="1" xfId="0" applyNumberFormat="1" applyFont="1" applyBorder="1" applyAlignment="1">
      <alignment horizontal="right" vertical="center"/>
    </xf>
    <xf numFmtId="0" fontId="6" fillId="0" borderId="0" xfId="0" applyNumberFormat="1" applyFont="1" applyBorder="1" applyAlignment="1">
      <alignment horizontal="distributed" vertical="center" shrinkToFit="1"/>
    </xf>
    <xf numFmtId="0" fontId="6" fillId="0" borderId="10" xfId="0" applyNumberFormat="1" applyFont="1" applyBorder="1" applyAlignment="1">
      <alignment horizontal="distributed" vertical="center" shrinkToFit="1"/>
    </xf>
    <xf numFmtId="0" fontId="6" fillId="0" borderId="25" xfId="0" applyNumberFormat="1" applyFont="1" applyBorder="1" applyAlignment="1">
      <alignment horizontal="right" vertical="center" wrapText="1"/>
    </xf>
    <xf numFmtId="0" fontId="6" fillId="0" borderId="25" xfId="0" applyNumberFormat="1" applyFont="1" applyBorder="1" applyAlignment="1">
      <alignment horizontal="right" vertical="center"/>
    </xf>
    <xf numFmtId="0" fontId="6" fillId="0" borderId="1" xfId="0" applyNumberFormat="1" applyFont="1" applyBorder="1" applyAlignment="1">
      <alignment horizontal="right"/>
    </xf>
    <xf numFmtId="0" fontId="6" fillId="0" borderId="2" xfId="0" applyNumberFormat="1" applyFont="1" applyBorder="1" applyAlignment="1">
      <alignment horizontal="right"/>
    </xf>
    <xf numFmtId="0" fontId="6" fillId="0" borderId="14" xfId="0" applyNumberFormat="1" applyFont="1" applyBorder="1" applyAlignment="1" applyProtection="1">
      <alignment horizontal="distributed" vertical="center" justifyLastLine="1"/>
    </xf>
    <xf numFmtId="0" fontId="6" fillId="0" borderId="14" xfId="0" applyNumberFormat="1" applyFont="1" applyBorder="1" applyAlignment="1">
      <alignment horizontal="distributed" vertical="center" wrapText="1"/>
    </xf>
    <xf numFmtId="0" fontId="6" fillId="0" borderId="26" xfId="0" applyNumberFormat="1" applyFont="1" applyBorder="1" applyAlignment="1">
      <alignment horizontal="distributed" vertical="center" wrapText="1"/>
    </xf>
    <xf numFmtId="0" fontId="6" fillId="0" borderId="1" xfId="0" applyNumberFormat="1" applyFont="1" applyBorder="1" applyAlignment="1" applyProtection="1">
      <alignment horizontal="right" vertical="center"/>
    </xf>
    <xf numFmtId="0" fontId="4" fillId="0" borderId="18" xfId="0" applyNumberFormat="1" applyFont="1" applyBorder="1" applyAlignment="1">
      <alignment horizontal="right" vertical="center"/>
    </xf>
    <xf numFmtId="0" fontId="4" fillId="0" borderId="17" xfId="0" applyNumberFormat="1" applyFont="1" applyBorder="1" applyAlignment="1">
      <alignment horizontal="right" vertical="center"/>
    </xf>
    <xf numFmtId="0" fontId="6" fillId="0" borderId="31" xfId="0" applyNumberFormat="1" applyFont="1" applyBorder="1" applyAlignment="1">
      <alignment horizontal="right" vertical="center"/>
    </xf>
    <xf numFmtId="0" fontId="6" fillId="0" borderId="32" xfId="0" applyNumberFormat="1" applyFont="1" applyBorder="1" applyAlignment="1">
      <alignment horizontal="right" vertical="center"/>
    </xf>
    <xf numFmtId="0" fontId="6" fillId="0" borderId="22" xfId="0" applyNumberFormat="1" applyFont="1" applyBorder="1" applyAlignment="1">
      <alignment horizontal="right" vertical="center"/>
    </xf>
    <xf numFmtId="0" fontId="6" fillId="0" borderId="22" xfId="0" applyNumberFormat="1" applyFont="1" applyBorder="1" applyAlignment="1">
      <alignment horizontal="right" vertical="center" wrapText="1"/>
    </xf>
    <xf numFmtId="0" fontId="6" fillId="0" borderId="31" xfId="0" applyNumberFormat="1" applyFont="1" applyBorder="1" applyAlignment="1">
      <alignment horizontal="right" vertical="center" wrapText="1"/>
    </xf>
    <xf numFmtId="0" fontId="6" fillId="0" borderId="32" xfId="0" applyNumberFormat="1" applyFont="1" applyBorder="1" applyAlignment="1">
      <alignment horizontal="right" vertical="center" wrapText="1"/>
    </xf>
    <xf numFmtId="0" fontId="6" fillId="0" borderId="31" xfId="0" applyNumberFormat="1" applyFont="1" applyBorder="1" applyAlignment="1">
      <alignment horizontal="distributed" vertical="center" shrinkToFit="1"/>
    </xf>
    <xf numFmtId="0" fontId="6" fillId="0" borderId="32" xfId="0" applyNumberFormat="1" applyFont="1" applyBorder="1" applyAlignment="1">
      <alignment horizontal="distributed" vertical="center" shrinkToFit="1"/>
    </xf>
    <xf numFmtId="0" fontId="6" fillId="0" borderId="22" xfId="0" applyNumberFormat="1" applyFont="1" applyBorder="1" applyAlignment="1">
      <alignment horizontal="center" vertical="center"/>
    </xf>
    <xf numFmtId="0" fontId="6" fillId="0" borderId="31" xfId="0" applyNumberFormat="1" applyFont="1" applyBorder="1" applyAlignment="1">
      <alignment horizontal="center" vertical="center"/>
    </xf>
    <xf numFmtId="0" fontId="4" fillId="0" borderId="20" xfId="0" applyNumberFormat="1" applyFont="1" applyBorder="1" applyAlignment="1">
      <alignment horizontal="distributed" vertical="center" shrinkToFit="1"/>
    </xf>
    <xf numFmtId="0" fontId="4" fillId="0" borderId="21" xfId="0" applyNumberFormat="1" applyFont="1" applyBorder="1" applyAlignment="1">
      <alignment horizontal="distributed" vertical="center" shrinkToFit="1"/>
    </xf>
    <xf numFmtId="0" fontId="4" fillId="0" borderId="18" xfId="0" applyNumberFormat="1" applyFont="1" applyBorder="1" applyAlignment="1">
      <alignment horizontal="right" vertical="center" wrapText="1"/>
    </xf>
    <xf numFmtId="0" fontId="6" fillId="0" borderId="4" xfId="0" applyNumberFormat="1" applyFont="1" applyBorder="1" applyAlignment="1">
      <alignment horizontal="center" vertical="center"/>
    </xf>
    <xf numFmtId="0" fontId="6" fillId="0" borderId="6" xfId="0" applyNumberFormat="1" applyFont="1" applyBorder="1" applyAlignment="1">
      <alignment horizontal="center" vertical="center"/>
    </xf>
    <xf numFmtId="0" fontId="6" fillId="0" borderId="5" xfId="0" applyNumberFormat="1" applyFont="1" applyBorder="1" applyAlignment="1">
      <alignment horizontal="center" vertical="center"/>
    </xf>
    <xf numFmtId="0" fontId="13" fillId="0" borderId="4" xfId="0" applyNumberFormat="1" applyFont="1" applyBorder="1" applyAlignment="1">
      <alignment horizontal="right" vertical="center"/>
    </xf>
    <xf numFmtId="0" fontId="13" fillId="0" borderId="6" xfId="0" applyNumberFormat="1" applyFont="1" applyBorder="1" applyAlignment="1">
      <alignment horizontal="right" vertical="center"/>
    </xf>
    <xf numFmtId="0" fontId="14" fillId="0" borderId="0" xfId="0" applyNumberFormat="1" applyFont="1" applyBorder="1" applyAlignment="1">
      <alignment horizontal="distributed" vertical="center" wrapText="1"/>
    </xf>
    <xf numFmtId="0" fontId="14" fillId="0" borderId="10" xfId="0" applyNumberFormat="1" applyFont="1" applyBorder="1" applyAlignment="1">
      <alignment horizontal="distributed" vertical="center" wrapText="1"/>
    </xf>
    <xf numFmtId="0" fontId="2" fillId="0" borderId="14" xfId="0" applyNumberFormat="1" applyFont="1" applyBorder="1" applyAlignment="1">
      <alignment horizontal="center" vertical="center" justifyLastLine="1"/>
    </xf>
    <xf numFmtId="0" fontId="6" fillId="0" borderId="39" xfId="0" applyNumberFormat="1" applyFont="1" applyBorder="1" applyAlignment="1">
      <alignment horizontal="right" vertical="center"/>
    </xf>
    <xf numFmtId="0" fontId="4" fillId="0" borderId="35" xfId="0" applyNumberFormat="1" applyFont="1" applyBorder="1" applyAlignment="1">
      <alignment horizontal="distributed" vertical="center" wrapText="1"/>
    </xf>
    <xf numFmtId="0" fontId="4" fillId="0" borderId="36" xfId="0" applyNumberFormat="1" applyFont="1" applyBorder="1" applyAlignment="1">
      <alignment horizontal="distributed" vertical="center" wrapText="1"/>
    </xf>
    <xf numFmtId="0" fontId="6" fillId="0" borderId="37" xfId="0" applyNumberFormat="1" applyFont="1" applyBorder="1" applyAlignment="1">
      <alignment horizontal="center" vertical="center"/>
    </xf>
    <xf numFmtId="0" fontId="6" fillId="0" borderId="35" xfId="0" applyNumberFormat="1" applyFont="1" applyBorder="1" applyAlignment="1">
      <alignment horizontal="center" vertical="center"/>
    </xf>
    <xf numFmtId="0" fontId="6" fillId="0" borderId="35" xfId="0" applyNumberFormat="1" applyFont="1" applyBorder="1" applyAlignment="1">
      <alignment horizontal="distributed" vertical="center"/>
    </xf>
    <xf numFmtId="0" fontId="6" fillId="0" borderId="36" xfId="0" applyNumberFormat="1" applyFont="1" applyBorder="1" applyAlignment="1">
      <alignment horizontal="distributed" vertical="center"/>
    </xf>
    <xf numFmtId="0" fontId="6" fillId="0" borderId="35" xfId="0" applyNumberFormat="1" applyFont="1" applyBorder="1" applyAlignment="1">
      <alignment horizontal="right" vertical="center"/>
    </xf>
    <xf numFmtId="0" fontId="6" fillId="0" borderId="36" xfId="0" applyNumberFormat="1" applyFont="1" applyBorder="1" applyAlignment="1">
      <alignment horizontal="right" vertical="center"/>
    </xf>
    <xf numFmtId="0" fontId="6" fillId="0" borderId="38" xfId="0" applyNumberFormat="1" applyFont="1" applyBorder="1" applyAlignment="1">
      <alignment horizontal="right" vertical="center"/>
    </xf>
    <xf numFmtId="0" fontId="4" fillId="0" borderId="15" xfId="0" applyNumberFormat="1" applyFont="1" applyBorder="1" applyAlignment="1">
      <alignment horizontal="right" vertical="center" wrapText="1"/>
    </xf>
    <xf numFmtId="0" fontId="4" fillId="0" borderId="24" xfId="0" applyNumberFormat="1" applyFont="1" applyBorder="1" applyAlignment="1">
      <alignment horizontal="right" vertical="center" wrapText="1"/>
    </xf>
    <xf numFmtId="0" fontId="4" fillId="0" borderId="16" xfId="0" applyNumberFormat="1" applyFont="1" applyBorder="1" applyAlignment="1">
      <alignment horizontal="right" vertical="center" wrapText="1"/>
    </xf>
    <xf numFmtId="0" fontId="4" fillId="0" borderId="15" xfId="0" applyNumberFormat="1" applyFont="1" applyBorder="1" applyAlignment="1">
      <alignment horizontal="right" vertical="center"/>
    </xf>
    <xf numFmtId="0" fontId="15" fillId="0" borderId="0" xfId="0" applyNumberFormat="1" applyFont="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B243"/>
  <sheetViews>
    <sheetView showGridLines="0" tabSelected="1" view="pageBreakPreview" zoomScaleNormal="13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24</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26</v>
      </c>
      <c r="C6" s="109" t="s">
        <v>1</v>
      </c>
      <c r="D6" s="110"/>
      <c r="E6" s="187" t="s">
        <v>1</v>
      </c>
      <c r="F6" s="188"/>
      <c r="G6" s="189" t="s">
        <v>27</v>
      </c>
      <c r="H6" s="189"/>
      <c r="I6" s="189"/>
      <c r="J6" s="175" t="s">
        <v>28</v>
      </c>
      <c r="K6" s="175"/>
      <c r="L6" s="175"/>
      <c r="M6" s="53" t="s">
        <v>1</v>
      </c>
      <c r="N6" s="125" t="s">
        <v>28</v>
      </c>
      <c r="O6" s="125"/>
      <c r="P6" s="129"/>
      <c r="Q6" s="175" t="s">
        <v>29</v>
      </c>
      <c r="R6" s="175"/>
      <c r="S6" s="175"/>
      <c r="T6" s="54"/>
      <c r="U6" s="125" t="s">
        <v>29</v>
      </c>
      <c r="V6" s="125"/>
      <c r="W6" s="129"/>
      <c r="X6" s="55" t="s">
        <v>1</v>
      </c>
      <c r="Y6" s="56" t="s">
        <v>30</v>
      </c>
      <c r="Z6" s="20"/>
      <c r="AA6" s="14"/>
      <c r="AB6" s="20"/>
    </row>
    <row r="7" spans="1:28" customFormat="1" ht="29.1" customHeight="1">
      <c r="A7" s="63" t="s">
        <v>1</v>
      </c>
      <c r="B7" s="51" t="s">
        <v>1</v>
      </c>
      <c r="C7" s="109" t="s">
        <v>25</v>
      </c>
      <c r="D7" s="110"/>
      <c r="E7" s="140" t="s">
        <v>31</v>
      </c>
      <c r="F7" s="141"/>
      <c r="G7" s="155" t="s">
        <v>32</v>
      </c>
      <c r="H7" s="155"/>
      <c r="I7" s="155"/>
      <c r="J7" s="156" t="s">
        <v>33</v>
      </c>
      <c r="K7" s="156"/>
      <c r="L7" s="156"/>
      <c r="M7" s="57" t="s">
        <v>1</v>
      </c>
      <c r="N7" s="99" t="s">
        <v>33</v>
      </c>
      <c r="O7" s="99"/>
      <c r="P7" s="107"/>
      <c r="Q7" s="156" t="s">
        <v>29</v>
      </c>
      <c r="R7" s="156"/>
      <c r="S7" s="156"/>
      <c r="T7" s="58"/>
      <c r="U7" s="99" t="s">
        <v>29</v>
      </c>
      <c r="V7" s="99"/>
      <c r="W7" s="107"/>
      <c r="X7" s="31" t="s">
        <v>1</v>
      </c>
      <c r="Y7" s="52" t="s">
        <v>34</v>
      </c>
      <c r="Z7" s="20"/>
      <c r="AA7" s="20"/>
      <c r="AB7" s="20"/>
    </row>
    <row r="8" spans="1:28" customFormat="1" ht="29.1" customHeight="1">
      <c r="A8" s="63" t="s">
        <v>1</v>
      </c>
      <c r="B8" s="51" t="s">
        <v>1</v>
      </c>
      <c r="C8" s="109" t="s">
        <v>35</v>
      </c>
      <c r="D8" s="110"/>
      <c r="E8" s="140" t="s">
        <v>36</v>
      </c>
      <c r="F8" s="141"/>
      <c r="G8" s="155" t="s">
        <v>37</v>
      </c>
      <c r="H8" s="155"/>
      <c r="I8" s="155"/>
      <c r="J8" s="156" t="s">
        <v>38</v>
      </c>
      <c r="K8" s="156"/>
      <c r="L8" s="156"/>
      <c r="M8" s="57" t="s">
        <v>1</v>
      </c>
      <c r="N8" s="99" t="s">
        <v>38</v>
      </c>
      <c r="O8" s="99"/>
      <c r="P8" s="107"/>
      <c r="Q8" s="156" t="s">
        <v>29</v>
      </c>
      <c r="R8" s="156"/>
      <c r="S8" s="156"/>
      <c r="T8" s="58"/>
      <c r="U8" s="99" t="s">
        <v>29</v>
      </c>
      <c r="V8" s="99"/>
      <c r="W8" s="107"/>
      <c r="X8" s="31" t="s">
        <v>39</v>
      </c>
      <c r="Y8" s="52" t="s">
        <v>40</v>
      </c>
      <c r="Z8" s="20"/>
      <c r="AA8" s="20"/>
      <c r="AB8" s="20"/>
    </row>
    <row r="9" spans="1:28" customFormat="1" ht="29.1" customHeight="1">
      <c r="A9" s="63" t="s">
        <v>1</v>
      </c>
      <c r="B9" s="51" t="s">
        <v>1</v>
      </c>
      <c r="C9" s="109" t="s">
        <v>41</v>
      </c>
      <c r="D9" s="110"/>
      <c r="E9" s="140" t="s">
        <v>42</v>
      </c>
      <c r="F9" s="141"/>
      <c r="G9" s="155" t="s">
        <v>43</v>
      </c>
      <c r="H9" s="155"/>
      <c r="I9" s="155"/>
      <c r="J9" s="156" t="s">
        <v>44</v>
      </c>
      <c r="K9" s="156"/>
      <c r="L9" s="156"/>
      <c r="M9" s="57" t="s">
        <v>1</v>
      </c>
      <c r="N9" s="99" t="s">
        <v>44</v>
      </c>
      <c r="O9" s="99"/>
      <c r="P9" s="107"/>
      <c r="Q9" s="156" t="s">
        <v>29</v>
      </c>
      <c r="R9" s="156"/>
      <c r="S9" s="156"/>
      <c r="T9" s="58"/>
      <c r="U9" s="99" t="s">
        <v>29</v>
      </c>
      <c r="V9" s="99"/>
      <c r="W9" s="107"/>
      <c r="X9" s="31" t="s">
        <v>1</v>
      </c>
      <c r="Y9" s="52" t="s">
        <v>45</v>
      </c>
      <c r="Z9" s="20"/>
      <c r="AA9" s="20"/>
      <c r="AB9" s="20"/>
    </row>
    <row r="10" spans="1:28" customFormat="1" ht="29.1" customHeight="1">
      <c r="A10" s="63" t="s">
        <v>1</v>
      </c>
      <c r="B10" s="51" t="s">
        <v>1</v>
      </c>
      <c r="C10" s="109" t="s">
        <v>46</v>
      </c>
      <c r="D10" s="110"/>
      <c r="E10" s="140" t="s">
        <v>47</v>
      </c>
      <c r="F10" s="141"/>
      <c r="G10" s="155" t="s">
        <v>48</v>
      </c>
      <c r="H10" s="155"/>
      <c r="I10" s="155"/>
      <c r="J10" s="156" t="s">
        <v>49</v>
      </c>
      <c r="K10" s="156"/>
      <c r="L10" s="156"/>
      <c r="M10" s="57" t="s">
        <v>1</v>
      </c>
      <c r="N10" s="99" t="s">
        <v>49</v>
      </c>
      <c r="O10" s="99"/>
      <c r="P10" s="107"/>
      <c r="Q10" s="156" t="s">
        <v>29</v>
      </c>
      <c r="R10" s="156"/>
      <c r="S10" s="156"/>
      <c r="T10" s="58"/>
      <c r="U10" s="99" t="s">
        <v>29</v>
      </c>
      <c r="V10" s="99"/>
      <c r="W10" s="107"/>
      <c r="X10" s="31" t="s">
        <v>1</v>
      </c>
      <c r="Y10" s="52" t="s">
        <v>50</v>
      </c>
      <c r="Z10" s="20"/>
      <c r="AA10" s="20"/>
      <c r="AB10" s="20"/>
    </row>
    <row r="11" spans="1:28" customFormat="1" ht="29.1" hidden="1" customHeight="1">
      <c r="A11" s="72" t="s">
        <v>51</v>
      </c>
      <c r="B11" s="51" t="s">
        <v>1</v>
      </c>
      <c r="C11" s="109" t="s">
        <v>1</v>
      </c>
      <c r="D11" s="110"/>
      <c r="E11" s="140" t="s">
        <v>1</v>
      </c>
      <c r="F11" s="141"/>
      <c r="G11" s="155" t="s">
        <v>27</v>
      </c>
      <c r="H11" s="155"/>
      <c r="I11" s="155"/>
      <c r="J11" s="156" t="s">
        <v>28</v>
      </c>
      <c r="K11" s="156"/>
      <c r="L11" s="156"/>
      <c r="M11" s="57" t="s">
        <v>1</v>
      </c>
      <c r="N11" s="99" t="s">
        <v>28</v>
      </c>
      <c r="O11" s="99"/>
      <c r="P11" s="107"/>
      <c r="Q11" s="156" t="s">
        <v>29</v>
      </c>
      <c r="R11" s="156"/>
      <c r="S11" s="156"/>
      <c r="T11" s="58"/>
      <c r="U11" s="99" t="s">
        <v>29</v>
      </c>
      <c r="V11" s="99"/>
      <c r="W11" s="107"/>
      <c r="X11" s="31" t="s">
        <v>1</v>
      </c>
      <c r="Y11" s="52" t="s">
        <v>30</v>
      </c>
      <c r="Z11" s="20"/>
      <c r="AA11" s="20"/>
      <c r="AB11" s="20"/>
    </row>
    <row r="12" spans="1:28" customFormat="1" ht="29.1" hidden="1" customHeight="1">
      <c r="A12" s="63" t="s">
        <v>1</v>
      </c>
      <c r="B12" s="51" t="s">
        <v>1</v>
      </c>
      <c r="C12" s="109" t="s">
        <v>1</v>
      </c>
      <c r="D12" s="110"/>
      <c r="E12" s="140" t="s">
        <v>1</v>
      </c>
      <c r="F12" s="141"/>
      <c r="G12" s="155" t="s">
        <v>1</v>
      </c>
      <c r="H12" s="155"/>
      <c r="I12" s="155"/>
      <c r="J12" s="156" t="s">
        <v>1</v>
      </c>
      <c r="K12" s="156"/>
      <c r="L12" s="156"/>
      <c r="M12" s="57" t="s">
        <v>1</v>
      </c>
      <c r="N12" s="99" t="s">
        <v>1</v>
      </c>
      <c r="O12" s="99"/>
      <c r="P12" s="107"/>
      <c r="Q12" s="156" t="s">
        <v>1</v>
      </c>
      <c r="R12" s="156"/>
      <c r="S12" s="156"/>
      <c r="T12" s="58"/>
      <c r="U12" s="99" t="s">
        <v>1</v>
      </c>
      <c r="V12" s="99"/>
      <c r="W12" s="107"/>
      <c r="X12" s="31" t="s">
        <v>1</v>
      </c>
      <c r="Y12" s="52" t="s">
        <v>1</v>
      </c>
      <c r="Z12" s="20"/>
      <c r="AA12" s="20"/>
      <c r="AB12" s="20"/>
    </row>
    <row r="13" spans="1:28" customFormat="1" ht="29.1" hidden="1" customHeight="1">
      <c r="A13" s="63" t="s">
        <v>1</v>
      </c>
      <c r="B13" s="51" t="s">
        <v>1</v>
      </c>
      <c r="C13" s="185" t="s">
        <v>1</v>
      </c>
      <c r="D13" s="186"/>
      <c r="E13" s="183" t="s">
        <v>1</v>
      </c>
      <c r="F13" s="184"/>
      <c r="G13" s="180" t="s">
        <v>1</v>
      </c>
      <c r="H13" s="181"/>
      <c r="I13" s="182"/>
      <c r="J13" s="179" t="s">
        <v>1</v>
      </c>
      <c r="K13" s="177"/>
      <c r="L13" s="178"/>
      <c r="M13" s="57" t="s">
        <v>1</v>
      </c>
      <c r="N13" s="177" t="s">
        <v>1</v>
      </c>
      <c r="O13" s="177"/>
      <c r="P13" s="178"/>
      <c r="Q13" s="179" t="s">
        <v>1</v>
      </c>
      <c r="R13" s="177"/>
      <c r="S13" s="178"/>
      <c r="T13" s="58"/>
      <c r="U13" s="177" t="s">
        <v>1</v>
      </c>
      <c r="V13" s="177"/>
      <c r="W13" s="178"/>
      <c r="X13" s="31" t="s">
        <v>1</v>
      </c>
      <c r="Y13" s="52" t="s">
        <v>1</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58"/>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customHeight="1">
      <c r="A23" s="158" t="s">
        <v>9</v>
      </c>
      <c r="B23" s="159"/>
      <c r="C23" s="159"/>
      <c r="D23" s="159"/>
      <c r="E23" s="159"/>
      <c r="F23" s="159"/>
      <c r="G23" s="160" t="s">
        <v>27</v>
      </c>
      <c r="H23" s="160"/>
      <c r="I23" s="160"/>
      <c r="J23" s="157" t="s">
        <v>28</v>
      </c>
      <c r="K23" s="157"/>
      <c r="L23" s="157"/>
      <c r="M23" s="59" t="s">
        <v>1</v>
      </c>
      <c r="N23" s="119" t="s">
        <v>28</v>
      </c>
      <c r="O23" s="119"/>
      <c r="P23" s="120"/>
      <c r="Q23" s="157" t="s">
        <v>29</v>
      </c>
      <c r="R23" s="157"/>
      <c r="S23" s="157"/>
      <c r="T23" s="60"/>
      <c r="U23" s="119" t="s">
        <v>29</v>
      </c>
      <c r="V23" s="119"/>
      <c r="W23" s="120"/>
      <c r="X23" s="61" t="s">
        <v>1</v>
      </c>
      <c r="Y23" s="62" t="s">
        <v>30</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52</v>
      </c>
      <c r="C29" s="102"/>
      <c r="D29" s="103" t="s">
        <v>1</v>
      </c>
      <c r="E29" s="104"/>
      <c r="F29" s="105" t="s">
        <v>1</v>
      </c>
      <c r="G29" s="106"/>
      <c r="H29" s="65" t="s">
        <v>1</v>
      </c>
      <c r="I29" s="125" t="s">
        <v>27</v>
      </c>
      <c r="J29" s="129"/>
      <c r="K29" s="55" t="s">
        <v>1</v>
      </c>
      <c r="L29" s="125" t="s">
        <v>53</v>
      </c>
      <c r="M29" s="125"/>
      <c r="N29" s="129"/>
      <c r="O29" s="55" t="s">
        <v>1</v>
      </c>
      <c r="P29" s="125" t="s">
        <v>54</v>
      </c>
      <c r="Q29" s="129"/>
      <c r="R29" s="55" t="s">
        <v>1</v>
      </c>
      <c r="S29" s="125" t="s">
        <v>55</v>
      </c>
      <c r="T29" s="125"/>
      <c r="U29" s="129"/>
      <c r="V29" s="55" t="s">
        <v>1</v>
      </c>
      <c r="W29" s="125" t="s">
        <v>56</v>
      </c>
      <c r="X29" s="125"/>
      <c r="Y29" s="126"/>
      <c r="Z29" s="4"/>
    </row>
    <row r="30" spans="1:28" s="3" customFormat="1" ht="28.5" customHeight="1">
      <c r="A30" s="85" t="s">
        <v>1</v>
      </c>
      <c r="B30" s="123" t="s">
        <v>1</v>
      </c>
      <c r="C30" s="124"/>
      <c r="D30" s="109" t="s">
        <v>25</v>
      </c>
      <c r="E30" s="110"/>
      <c r="F30" s="111" t="s">
        <v>57</v>
      </c>
      <c r="G30" s="112"/>
      <c r="H30" s="36" t="s">
        <v>1</v>
      </c>
      <c r="I30" s="99" t="s">
        <v>58</v>
      </c>
      <c r="J30" s="107"/>
      <c r="K30" s="31" t="s">
        <v>1</v>
      </c>
      <c r="L30" s="99" t="s">
        <v>59</v>
      </c>
      <c r="M30" s="99"/>
      <c r="N30" s="107"/>
      <c r="O30" s="31" t="s">
        <v>1</v>
      </c>
      <c r="P30" s="99" t="s">
        <v>54</v>
      </c>
      <c r="Q30" s="107"/>
      <c r="R30" s="31" t="s">
        <v>1</v>
      </c>
      <c r="S30" s="99" t="s">
        <v>60</v>
      </c>
      <c r="T30" s="99"/>
      <c r="U30" s="107"/>
      <c r="V30" s="31" t="s">
        <v>1</v>
      </c>
      <c r="W30" s="99" t="s">
        <v>61</v>
      </c>
      <c r="X30" s="99"/>
      <c r="Y30" s="100"/>
      <c r="Z30" s="4"/>
    </row>
    <row r="31" spans="1:28" s="3" customFormat="1" ht="28.5" customHeight="1">
      <c r="A31" s="85" t="s">
        <v>1</v>
      </c>
      <c r="B31" s="123" t="s">
        <v>1</v>
      </c>
      <c r="C31" s="124"/>
      <c r="D31" s="109" t="s">
        <v>35</v>
      </c>
      <c r="E31" s="110"/>
      <c r="F31" s="111" t="s">
        <v>62</v>
      </c>
      <c r="G31" s="112"/>
      <c r="H31" s="36" t="s">
        <v>1</v>
      </c>
      <c r="I31" s="99" t="s">
        <v>63</v>
      </c>
      <c r="J31" s="107"/>
      <c r="K31" s="31" t="s">
        <v>1</v>
      </c>
      <c r="L31" s="99" t="s">
        <v>64</v>
      </c>
      <c r="M31" s="99"/>
      <c r="N31" s="107"/>
      <c r="O31" s="31" t="s">
        <v>1</v>
      </c>
      <c r="P31" s="99" t="s">
        <v>29</v>
      </c>
      <c r="Q31" s="107"/>
      <c r="R31" s="31" t="s">
        <v>1</v>
      </c>
      <c r="S31" s="99" t="s">
        <v>40</v>
      </c>
      <c r="T31" s="99"/>
      <c r="U31" s="107"/>
      <c r="V31" s="31" t="s">
        <v>1</v>
      </c>
      <c r="W31" s="99" t="s">
        <v>40</v>
      </c>
      <c r="X31" s="99"/>
      <c r="Y31" s="100"/>
      <c r="Z31" s="4"/>
    </row>
    <row r="32" spans="1:28" customFormat="1" ht="28.5" customHeight="1">
      <c r="A32" s="64" t="s">
        <v>1</v>
      </c>
      <c r="B32" s="101" t="s">
        <v>1</v>
      </c>
      <c r="C32" s="102"/>
      <c r="D32" s="109" t="s">
        <v>41</v>
      </c>
      <c r="E32" s="110"/>
      <c r="F32" s="111" t="s">
        <v>65</v>
      </c>
      <c r="G32" s="112"/>
      <c r="H32" s="36" t="s">
        <v>1</v>
      </c>
      <c r="I32" s="99" t="s">
        <v>66</v>
      </c>
      <c r="J32" s="107"/>
      <c r="K32" s="31" t="s">
        <v>1</v>
      </c>
      <c r="L32" s="99" t="s">
        <v>67</v>
      </c>
      <c r="M32" s="99"/>
      <c r="N32" s="107"/>
      <c r="O32" s="31" t="s">
        <v>1</v>
      </c>
      <c r="P32" s="99" t="s">
        <v>29</v>
      </c>
      <c r="Q32" s="107"/>
      <c r="R32" s="31" t="s">
        <v>1</v>
      </c>
      <c r="S32" s="99" t="s">
        <v>68</v>
      </c>
      <c r="T32" s="99"/>
      <c r="U32" s="107"/>
      <c r="V32" s="31" t="s">
        <v>1</v>
      </c>
      <c r="W32" s="99" t="s">
        <v>68</v>
      </c>
      <c r="X32" s="99"/>
      <c r="Y32" s="100"/>
      <c r="Z32" s="4"/>
    </row>
    <row r="33" spans="1:26" customFormat="1" ht="28.5" hidden="1" customHeight="1">
      <c r="A33" s="64" t="e">
        <v>#REF!</v>
      </c>
      <c r="B33" s="101" t="e">
        <v>#REF!</v>
      </c>
      <c r="C33" s="102"/>
      <c r="D33" s="109" t="s">
        <v>1</v>
      </c>
      <c r="E33" s="110"/>
      <c r="F33" s="121" t="e">
        <v>#REF!</v>
      </c>
      <c r="G33" s="122"/>
      <c r="H33" s="36" t="e">
        <v>#REF!</v>
      </c>
      <c r="I33" s="99" t="e">
        <v>#REF!</v>
      </c>
      <c r="J33" s="107"/>
      <c r="K33" s="31" t="e">
        <v>#REF!</v>
      </c>
      <c r="L33" s="99" t="e">
        <v>#REF!</v>
      </c>
      <c r="M33" s="99"/>
      <c r="N33" s="107"/>
      <c r="O33" s="31" t="e">
        <v>#REF!</v>
      </c>
      <c r="P33" s="99" t="e">
        <v>#REF!</v>
      </c>
      <c r="Q33" s="107"/>
      <c r="R33" s="31" t="e">
        <v>#REF!</v>
      </c>
      <c r="S33" s="99" t="e">
        <v>#REF!</v>
      </c>
      <c r="T33" s="99"/>
      <c r="U33" s="107"/>
      <c r="V33" s="55" t="s">
        <v>1</v>
      </c>
      <c r="W33" s="99" t="e">
        <v>#REF!</v>
      </c>
      <c r="X33" s="99"/>
      <c r="Y33" s="100"/>
      <c r="Z33" s="4"/>
    </row>
    <row r="34" spans="1:26" customFormat="1" ht="28.5" hidden="1" customHeight="1">
      <c r="A34" s="73" t="e">
        <v>#REF!</v>
      </c>
      <c r="B34" s="127" t="e">
        <v>#REF!</v>
      </c>
      <c r="C34" s="128"/>
      <c r="D34" s="109" t="e">
        <v>#REF!</v>
      </c>
      <c r="E34" s="110"/>
      <c r="F34" s="111" t="e">
        <v>#REF!</v>
      </c>
      <c r="G34" s="112"/>
      <c r="H34" s="36" t="e">
        <v>#REF!</v>
      </c>
      <c r="I34" s="99" t="e">
        <v>#REF!</v>
      </c>
      <c r="J34" s="107"/>
      <c r="K34" s="31" t="e">
        <v>#REF!</v>
      </c>
      <c r="L34" s="99" t="e">
        <v>#REF!</v>
      </c>
      <c r="M34" s="99"/>
      <c r="N34" s="107"/>
      <c r="O34" s="31" t="e">
        <v>#REF!</v>
      </c>
      <c r="P34" s="99" t="e">
        <v>#REF!</v>
      </c>
      <c r="Q34" s="107"/>
      <c r="R34" s="31" t="e">
        <v>#REF!</v>
      </c>
      <c r="S34" s="99" t="e">
        <v>#REF!</v>
      </c>
      <c r="T34" s="99"/>
      <c r="U34" s="107"/>
      <c r="V34" s="55" t="s">
        <v>1</v>
      </c>
      <c r="W34" s="99" t="e">
        <v>#REF!</v>
      </c>
      <c r="X34" s="99"/>
      <c r="Y34" s="100"/>
      <c r="Z34" s="4"/>
    </row>
    <row r="35" spans="1:26" customFormat="1" ht="28.5" hidden="1" customHeight="1">
      <c r="A35" s="64" t="e">
        <v>#REF!</v>
      </c>
      <c r="B35" s="101" t="e">
        <v>#REF!</v>
      </c>
      <c r="C35" s="102"/>
      <c r="D35" s="109" t="e">
        <v>#REF!</v>
      </c>
      <c r="E35" s="110"/>
      <c r="F35" s="111" t="e">
        <v>#REF!</v>
      </c>
      <c r="G35" s="112"/>
      <c r="H35" s="36" t="e">
        <v>#REF!</v>
      </c>
      <c r="I35" s="99" t="e">
        <v>#REF!</v>
      </c>
      <c r="J35" s="107"/>
      <c r="K35" s="31" t="e">
        <v>#REF!</v>
      </c>
      <c r="L35" s="99" t="e">
        <v>#REF!</v>
      </c>
      <c r="M35" s="99"/>
      <c r="N35" s="107"/>
      <c r="O35" s="31" t="e">
        <v>#REF!</v>
      </c>
      <c r="P35" s="99" t="e">
        <v>#REF!</v>
      </c>
      <c r="Q35" s="107"/>
      <c r="R35" s="31" t="e">
        <v>#REF!</v>
      </c>
      <c r="S35" s="99" t="e">
        <v>#REF!</v>
      </c>
      <c r="T35" s="99"/>
      <c r="U35" s="107"/>
      <c r="V35" s="55" t="s">
        <v>1</v>
      </c>
      <c r="W35" s="99" t="e">
        <v>#REF!</v>
      </c>
      <c r="X35" s="99"/>
      <c r="Y35" s="100"/>
      <c r="Z35" s="4"/>
    </row>
    <row r="36" spans="1:26" customFormat="1" ht="28.5" hidden="1" customHeight="1">
      <c r="A36" s="64" t="e">
        <v>#REF!</v>
      </c>
      <c r="B36" s="101" t="e">
        <v>#REF!</v>
      </c>
      <c r="C36" s="102"/>
      <c r="D36" s="109" t="e">
        <v>#REF!</v>
      </c>
      <c r="E36" s="110"/>
      <c r="F36" s="111" t="e">
        <v>#REF!</v>
      </c>
      <c r="G36" s="112"/>
      <c r="H36" s="36" t="e">
        <v>#REF!</v>
      </c>
      <c r="I36" s="99" t="e">
        <v>#REF!</v>
      </c>
      <c r="J36" s="107"/>
      <c r="K36" s="31" t="e">
        <v>#REF!</v>
      </c>
      <c r="L36" s="99" t="e">
        <v>#REF!</v>
      </c>
      <c r="M36" s="99"/>
      <c r="N36" s="107"/>
      <c r="O36" s="31" t="e">
        <v>#REF!</v>
      </c>
      <c r="P36" s="99" t="e">
        <v>#REF!</v>
      </c>
      <c r="Q36" s="107"/>
      <c r="R36" s="31" t="e">
        <v>#REF!</v>
      </c>
      <c r="S36" s="99" t="e">
        <v>#REF!</v>
      </c>
      <c r="T36" s="99"/>
      <c r="U36" s="107"/>
      <c r="V36" s="55" t="s">
        <v>1</v>
      </c>
      <c r="W36" s="99" t="e">
        <v>#REF!</v>
      </c>
      <c r="X36" s="99"/>
      <c r="Y36" s="100"/>
      <c r="Z36" s="4"/>
    </row>
    <row r="37" spans="1:26" customFormat="1" ht="28.5" hidden="1" customHeight="1">
      <c r="A37" s="64" t="e">
        <v>#REF!</v>
      </c>
      <c r="B37" s="101" t="e">
        <v>#REF!</v>
      </c>
      <c r="C37" s="102"/>
      <c r="D37" s="109" t="e">
        <v>#REF!</v>
      </c>
      <c r="E37" s="110"/>
      <c r="F37" s="111" t="e">
        <v>#REF!</v>
      </c>
      <c r="G37" s="112"/>
      <c r="H37" s="36" t="e">
        <v>#REF!</v>
      </c>
      <c r="I37" s="99" t="e">
        <v>#REF!</v>
      </c>
      <c r="J37" s="107"/>
      <c r="K37" s="31" t="e">
        <v>#REF!</v>
      </c>
      <c r="L37" s="99" t="e">
        <v>#REF!</v>
      </c>
      <c r="M37" s="99"/>
      <c r="N37" s="107"/>
      <c r="O37" s="31" t="e">
        <v>#REF!</v>
      </c>
      <c r="P37" s="99" t="e">
        <v>#REF!</v>
      </c>
      <c r="Q37" s="107"/>
      <c r="R37" s="31" t="e">
        <v>#REF!</v>
      </c>
      <c r="S37" s="99" t="e">
        <v>#REF!</v>
      </c>
      <c r="T37" s="99"/>
      <c r="U37" s="107"/>
      <c r="V37" s="55" t="s">
        <v>1</v>
      </c>
      <c r="W37" s="99" t="e">
        <v>#REF!</v>
      </c>
      <c r="X37" s="99"/>
      <c r="Y37" s="100"/>
      <c r="Z37" s="4"/>
    </row>
    <row r="38" spans="1:26" customFormat="1" ht="28.5" hidden="1" customHeight="1">
      <c r="A38" s="64" t="e">
        <v>#REF!</v>
      </c>
      <c r="B38" s="101" t="e">
        <v>#REF!</v>
      </c>
      <c r="C38" s="102"/>
      <c r="D38" s="109" t="e">
        <v>#REF!</v>
      </c>
      <c r="E38" s="110"/>
      <c r="F38" s="111" t="e">
        <v>#REF!</v>
      </c>
      <c r="G38" s="112"/>
      <c r="H38" s="36" t="e">
        <v>#REF!</v>
      </c>
      <c r="I38" s="99" t="e">
        <v>#REF!</v>
      </c>
      <c r="J38" s="107"/>
      <c r="K38" s="31" t="e">
        <v>#REF!</v>
      </c>
      <c r="L38" s="99" t="e">
        <v>#REF!</v>
      </c>
      <c r="M38" s="99"/>
      <c r="N38" s="107"/>
      <c r="O38" s="31" t="e">
        <v>#REF!</v>
      </c>
      <c r="P38" s="99" t="e">
        <v>#REF!</v>
      </c>
      <c r="Q38" s="107"/>
      <c r="R38" s="31" t="e">
        <v>#REF!</v>
      </c>
      <c r="S38" s="99" t="e">
        <v>#REF!</v>
      </c>
      <c r="T38" s="99"/>
      <c r="U38" s="107"/>
      <c r="V38" s="55" t="s">
        <v>1</v>
      </c>
      <c r="W38" s="99" t="e">
        <v>#REF!</v>
      </c>
      <c r="X38" s="99"/>
      <c r="Y38" s="100"/>
      <c r="Z38" s="4"/>
    </row>
    <row r="39" spans="1:26" customFormat="1" ht="28.5" hidden="1" customHeight="1">
      <c r="A39" s="64" t="e">
        <v>#REF!</v>
      </c>
      <c r="B39" s="101" t="e">
        <v>#REF!</v>
      </c>
      <c r="C39" s="102"/>
      <c r="D39" s="109" t="e">
        <v>#REF!</v>
      </c>
      <c r="E39" s="110"/>
      <c r="F39" s="111" t="e">
        <v>#REF!</v>
      </c>
      <c r="G39" s="112"/>
      <c r="H39" s="36" t="e">
        <v>#REF!</v>
      </c>
      <c r="I39" s="99" t="e">
        <v>#REF!</v>
      </c>
      <c r="J39" s="107"/>
      <c r="K39" s="31" t="e">
        <v>#REF!</v>
      </c>
      <c r="L39" s="99" t="e">
        <v>#REF!</v>
      </c>
      <c r="M39" s="99"/>
      <c r="N39" s="107"/>
      <c r="O39" s="31" t="e">
        <v>#REF!</v>
      </c>
      <c r="P39" s="99" t="e">
        <v>#REF!</v>
      </c>
      <c r="Q39" s="107"/>
      <c r="R39" s="31" t="e">
        <v>#REF!</v>
      </c>
      <c r="S39" s="99" t="e">
        <v>#REF!</v>
      </c>
      <c r="T39" s="99"/>
      <c r="U39" s="107"/>
      <c r="V39" s="55" t="s">
        <v>1</v>
      </c>
      <c r="W39" s="99" t="e">
        <v>#REF!</v>
      </c>
      <c r="X39" s="99"/>
      <c r="Y39" s="100"/>
      <c r="Z39" s="4"/>
    </row>
    <row r="40" spans="1:26" customFormat="1" ht="28.5" hidden="1" customHeight="1">
      <c r="A40" s="64" t="e">
        <v>#REF!</v>
      </c>
      <c r="B40" s="101" t="e">
        <v>#REF!</v>
      </c>
      <c r="C40" s="102"/>
      <c r="D40" s="109" t="e">
        <v>#REF!</v>
      </c>
      <c r="E40" s="110"/>
      <c r="F40" s="111" t="e">
        <v>#REF!</v>
      </c>
      <c r="G40" s="112"/>
      <c r="H40" s="36" t="e">
        <v>#REF!</v>
      </c>
      <c r="I40" s="99" t="e">
        <v>#REF!</v>
      </c>
      <c r="J40" s="107"/>
      <c r="K40" s="31" t="e">
        <v>#REF!</v>
      </c>
      <c r="L40" s="99" t="e">
        <v>#REF!</v>
      </c>
      <c r="M40" s="99"/>
      <c r="N40" s="107"/>
      <c r="O40" s="31" t="e">
        <v>#REF!</v>
      </c>
      <c r="P40" s="99" t="e">
        <v>#REF!</v>
      </c>
      <c r="Q40" s="107"/>
      <c r="R40" s="31" t="e">
        <v>#REF!</v>
      </c>
      <c r="S40" s="99" t="e">
        <v>#REF!</v>
      </c>
      <c r="T40" s="99"/>
      <c r="U40" s="107"/>
      <c r="V40" s="55" t="s">
        <v>1</v>
      </c>
      <c r="W40" s="99" t="e">
        <v>#REF!</v>
      </c>
      <c r="X40" s="99"/>
      <c r="Y40" s="100"/>
      <c r="Z40" s="4"/>
    </row>
    <row r="41" spans="1:26" customFormat="1" ht="28.5" hidden="1" customHeight="1">
      <c r="A41" s="64" t="e">
        <v>#REF!</v>
      </c>
      <c r="B41" s="101" t="e">
        <v>#REF!</v>
      </c>
      <c r="C41" s="102"/>
      <c r="D41" s="109" t="e">
        <v>#REF!</v>
      </c>
      <c r="E41" s="110"/>
      <c r="F41" s="111" t="e">
        <v>#REF!</v>
      </c>
      <c r="G41" s="112"/>
      <c r="H41" s="36" t="e">
        <v>#REF!</v>
      </c>
      <c r="I41" s="99" t="e">
        <v>#REF!</v>
      </c>
      <c r="J41" s="107"/>
      <c r="K41" s="31" t="e">
        <v>#REF!</v>
      </c>
      <c r="L41" s="99" t="e">
        <v>#REF!</v>
      </c>
      <c r="M41" s="99"/>
      <c r="N41" s="107"/>
      <c r="O41" s="31" t="e">
        <v>#REF!</v>
      </c>
      <c r="P41" s="99" t="e">
        <v>#REF!</v>
      </c>
      <c r="Q41" s="107"/>
      <c r="R41" s="31" t="e">
        <v>#REF!</v>
      </c>
      <c r="S41" s="99" t="e">
        <v>#REF!</v>
      </c>
      <c r="T41" s="99"/>
      <c r="U41" s="107"/>
      <c r="V41" s="55" t="s">
        <v>1</v>
      </c>
      <c r="W41" s="99" t="e">
        <v>#REF!</v>
      </c>
      <c r="X41" s="99"/>
      <c r="Y41" s="100"/>
      <c r="Z41" s="4"/>
    </row>
    <row r="42" spans="1:26" customFormat="1" ht="28.5" hidden="1" customHeight="1">
      <c r="A42" s="64" t="e">
        <v>#REF!</v>
      </c>
      <c r="B42" s="101" t="e">
        <v>#REF!</v>
      </c>
      <c r="C42" s="102"/>
      <c r="D42" s="109" t="e">
        <v>#REF!</v>
      </c>
      <c r="E42" s="110"/>
      <c r="F42" s="111" t="e">
        <v>#REF!</v>
      </c>
      <c r="G42" s="112"/>
      <c r="H42" s="36" t="e">
        <v>#REF!</v>
      </c>
      <c r="I42" s="99" t="e">
        <v>#REF!</v>
      </c>
      <c r="J42" s="107"/>
      <c r="K42" s="31" t="e">
        <v>#REF!</v>
      </c>
      <c r="L42" s="99" t="e">
        <v>#REF!</v>
      </c>
      <c r="M42" s="99"/>
      <c r="N42" s="107"/>
      <c r="O42" s="31" t="e">
        <v>#REF!</v>
      </c>
      <c r="P42" s="99" t="e">
        <v>#REF!</v>
      </c>
      <c r="Q42" s="107"/>
      <c r="R42" s="31" t="e">
        <v>#REF!</v>
      </c>
      <c r="S42" s="99" t="e">
        <v>#REF!</v>
      </c>
      <c r="T42" s="99"/>
      <c r="U42" s="107"/>
      <c r="V42" s="55" t="s">
        <v>1</v>
      </c>
      <c r="W42" s="99" t="e">
        <v>#REF!</v>
      </c>
      <c r="X42" s="99"/>
      <c r="Y42" s="100"/>
      <c r="Z42" s="4"/>
    </row>
    <row r="43" spans="1:26" customFormat="1" ht="28.5" hidden="1" customHeight="1">
      <c r="A43" s="64" t="e">
        <v>#REF!</v>
      </c>
      <c r="B43" s="101" t="e">
        <v>#REF!</v>
      </c>
      <c r="C43" s="102"/>
      <c r="D43" s="109" t="e">
        <v>#REF!</v>
      </c>
      <c r="E43" s="110"/>
      <c r="F43" s="111" t="e">
        <v>#REF!</v>
      </c>
      <c r="G43" s="112"/>
      <c r="H43" s="36" t="e">
        <v>#REF!</v>
      </c>
      <c r="I43" s="99" t="e">
        <v>#REF!</v>
      </c>
      <c r="J43" s="107"/>
      <c r="K43" s="31" t="e">
        <v>#REF!</v>
      </c>
      <c r="L43" s="99" t="e">
        <v>#REF!</v>
      </c>
      <c r="M43" s="99"/>
      <c r="N43" s="107"/>
      <c r="O43" s="31" t="e">
        <v>#REF!</v>
      </c>
      <c r="P43" s="99" t="e">
        <v>#REF!</v>
      </c>
      <c r="Q43" s="107"/>
      <c r="R43" s="31" t="e">
        <v>#REF!</v>
      </c>
      <c r="S43" s="99" t="e">
        <v>#REF!</v>
      </c>
      <c r="T43" s="99"/>
      <c r="U43" s="107"/>
      <c r="V43" s="55" t="s">
        <v>1</v>
      </c>
      <c r="W43" s="99" t="e">
        <v>#REF!</v>
      </c>
      <c r="X43" s="99"/>
      <c r="Y43" s="100"/>
      <c r="Z43" s="4"/>
    </row>
    <row r="44" spans="1:26" customFormat="1" ht="28.5" hidden="1" customHeight="1">
      <c r="A44" s="64" t="e">
        <v>#REF!</v>
      </c>
      <c r="B44" s="101" t="e">
        <v>#REF!</v>
      </c>
      <c r="C44" s="102"/>
      <c r="D44" s="136" t="e">
        <v>#REF!</v>
      </c>
      <c r="E44" s="137"/>
      <c r="F44" s="138" t="e">
        <v>#REF!</v>
      </c>
      <c r="G44" s="139"/>
      <c r="H44" s="45" t="e">
        <v>#REF!</v>
      </c>
      <c r="I44" s="133" t="e">
        <v>#REF!</v>
      </c>
      <c r="J44" s="134"/>
      <c r="K44" s="46" t="e">
        <v>#REF!</v>
      </c>
      <c r="L44" s="133" t="e">
        <v>#REF!</v>
      </c>
      <c r="M44" s="133"/>
      <c r="N44" s="134"/>
      <c r="O44" s="46" t="e">
        <v>#REF!</v>
      </c>
      <c r="P44" s="133" t="e">
        <v>#REF!</v>
      </c>
      <c r="Q44" s="134"/>
      <c r="R44" s="46" t="e">
        <v>#REF!</v>
      </c>
      <c r="S44" s="133" t="e">
        <v>#REF!</v>
      </c>
      <c r="T44" s="133"/>
      <c r="U44" s="134"/>
      <c r="V44" s="55" t="s">
        <v>1</v>
      </c>
      <c r="W44" s="133" t="e">
        <v>#REF!</v>
      </c>
      <c r="X44" s="133"/>
      <c r="Y44" s="135"/>
      <c r="Z44" s="4"/>
    </row>
    <row r="45" spans="1:26" s="6" customFormat="1" ht="28.5" customHeight="1">
      <c r="A45" s="116" t="s">
        <v>4</v>
      </c>
      <c r="B45" s="117"/>
      <c r="C45" s="117"/>
      <c r="D45" s="117"/>
      <c r="E45" s="117"/>
      <c r="F45" s="117"/>
      <c r="G45" s="118"/>
      <c r="H45" s="66" t="s">
        <v>1</v>
      </c>
      <c r="I45" s="119" t="s">
        <v>27</v>
      </c>
      <c r="J45" s="120"/>
      <c r="K45" s="61" t="s">
        <v>1</v>
      </c>
      <c r="L45" s="119" t="s">
        <v>53</v>
      </c>
      <c r="M45" s="119"/>
      <c r="N45" s="120"/>
      <c r="O45" s="61" t="s">
        <v>1</v>
      </c>
      <c r="P45" s="119" t="s">
        <v>54</v>
      </c>
      <c r="Q45" s="120"/>
      <c r="R45" s="61" t="s">
        <v>1</v>
      </c>
      <c r="S45" s="119" t="s">
        <v>55</v>
      </c>
      <c r="T45" s="119"/>
      <c r="U45" s="120"/>
      <c r="V45" s="61" t="s">
        <v>1</v>
      </c>
      <c r="W45" s="119" t="s">
        <v>56</v>
      </c>
      <c r="X45" s="119"/>
      <c r="Y45" s="176"/>
    </row>
    <row r="46" spans="1:26" s="6" customFormat="1" ht="18" customHeight="1">
      <c r="A46" s="37"/>
      <c r="B46" s="37"/>
      <c r="C46" s="37"/>
      <c r="D46" s="37"/>
      <c r="E46" s="15"/>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69</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23</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3"/>
      <c r="E49" s="43"/>
      <c r="F49" s="43"/>
      <c r="G49" s="43"/>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15"/>
      <c r="B53" s="16"/>
      <c r="C53" s="15"/>
      <c r="D53" s="21"/>
      <c r="E53" s="22"/>
      <c r="F53" s="22"/>
      <c r="G53" s="23"/>
      <c r="H53" s="24"/>
      <c r="I53" s="22"/>
      <c r="J53" s="15"/>
      <c r="K53" s="22"/>
      <c r="L53" s="15"/>
      <c r="M53" s="22"/>
      <c r="N53" s="19"/>
      <c r="O53" s="19"/>
      <c r="P53" s="19"/>
      <c r="Q53" s="19"/>
      <c r="R53" s="20"/>
      <c r="S53" s="20"/>
      <c r="T53" s="20"/>
      <c r="U53" s="20"/>
      <c r="V53" s="20"/>
      <c r="W53" s="20"/>
      <c r="X53" s="20"/>
      <c r="Y53" s="20"/>
      <c r="Z53" s="20"/>
      <c r="AA53" s="20"/>
      <c r="AB53" s="20"/>
    </row>
    <row r="54" spans="1:28" customFormat="1" ht="29.1" customHeight="1">
      <c r="A54" s="15"/>
      <c r="B54" s="16"/>
      <c r="C54" s="15"/>
      <c r="D54" s="21"/>
      <c r="E54" s="22"/>
      <c r="F54" s="22"/>
      <c r="G54" s="16"/>
      <c r="H54" s="15"/>
      <c r="I54" s="22"/>
      <c r="J54" s="15"/>
      <c r="K54" s="22"/>
      <c r="L54" s="15"/>
      <c r="M54" s="22"/>
      <c r="N54" s="19"/>
      <c r="O54" s="19"/>
      <c r="P54" s="19"/>
      <c r="Q54" s="19"/>
      <c r="R54" s="20"/>
      <c r="S54" s="20"/>
      <c r="T54" s="20"/>
      <c r="U54" s="20"/>
      <c r="V54" s="20"/>
      <c r="W54" s="20"/>
      <c r="X54" s="20"/>
      <c r="Y54" s="20"/>
      <c r="Z54" s="20"/>
      <c r="AA54" s="20"/>
      <c r="AB54" s="20"/>
    </row>
    <row r="55" spans="1:28" customFormat="1" ht="29.1" customHeight="1">
      <c r="A55" s="15"/>
      <c r="B55" s="16"/>
      <c r="C55" s="15"/>
      <c r="D55" s="21"/>
      <c r="E55" s="22"/>
      <c r="F55" s="22"/>
      <c r="G55" s="23"/>
      <c r="H55" s="24"/>
      <c r="I55" s="22"/>
      <c r="J55" s="15"/>
      <c r="K55" s="22"/>
      <c r="L55" s="15"/>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18"/>
      <c r="F56" s="18"/>
      <c r="G56" s="26"/>
      <c r="H56" s="17"/>
      <c r="I56" s="18"/>
      <c r="J56" s="17"/>
      <c r="K56" s="18"/>
      <c r="L56" s="17"/>
      <c r="M56" s="18"/>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4">
    <mergeCell ref="B28:C28"/>
    <mergeCell ref="D28:E28"/>
    <mergeCell ref="F28:G28"/>
    <mergeCell ref="I28:J28"/>
    <mergeCell ref="L28:N28"/>
    <mergeCell ref="B43:C43"/>
    <mergeCell ref="S42:U42"/>
    <mergeCell ref="S32:U32"/>
    <mergeCell ref="B30:C30"/>
    <mergeCell ref="D30:E30"/>
    <mergeCell ref="F30:G30"/>
    <mergeCell ref="I30:J30"/>
    <mergeCell ref="L30:N30"/>
    <mergeCell ref="P30:Q30"/>
    <mergeCell ref="S30:U30"/>
    <mergeCell ref="D32:E32"/>
    <mergeCell ref="F32:G32"/>
    <mergeCell ref="P35:Q35"/>
    <mergeCell ref="I35:J35"/>
    <mergeCell ref="S28:U28"/>
    <mergeCell ref="S35:U35"/>
    <mergeCell ref="P29:Q29"/>
    <mergeCell ref="S29:U29"/>
    <mergeCell ref="I29:J29"/>
    <mergeCell ref="Q15:S15"/>
    <mergeCell ref="C6:D6"/>
    <mergeCell ref="E6:F6"/>
    <mergeCell ref="G6:I6"/>
    <mergeCell ref="J6:L6"/>
    <mergeCell ref="N6:P6"/>
    <mergeCell ref="Q7:S7"/>
    <mergeCell ref="N16:P16"/>
    <mergeCell ref="Q16:S16"/>
    <mergeCell ref="G12:I12"/>
    <mergeCell ref="J12:L12"/>
    <mergeCell ref="N12:P12"/>
    <mergeCell ref="Q12:S12"/>
    <mergeCell ref="W45:Y45"/>
    <mergeCell ref="I45:J45"/>
    <mergeCell ref="U13:W13"/>
    <mergeCell ref="Q13:S13"/>
    <mergeCell ref="N13:P13"/>
    <mergeCell ref="J13:L13"/>
    <mergeCell ref="G13:I13"/>
    <mergeCell ref="E13:F13"/>
    <mergeCell ref="C13:D13"/>
    <mergeCell ref="Q22:S22"/>
    <mergeCell ref="U22:W22"/>
    <mergeCell ref="Q21:S21"/>
    <mergeCell ref="U21:W21"/>
    <mergeCell ref="Q19:S19"/>
    <mergeCell ref="U19:W19"/>
    <mergeCell ref="Q20:S20"/>
    <mergeCell ref="U20:W20"/>
    <mergeCell ref="G19:I19"/>
    <mergeCell ref="J19:L19"/>
    <mergeCell ref="U15:W15"/>
    <mergeCell ref="C16:D16"/>
    <mergeCell ref="E16:F16"/>
    <mergeCell ref="G16:I16"/>
    <mergeCell ref="J16:L16"/>
    <mergeCell ref="U7:W7"/>
    <mergeCell ref="C8:D8"/>
    <mergeCell ref="E8:F8"/>
    <mergeCell ref="G8:I8"/>
    <mergeCell ref="J8:L8"/>
    <mergeCell ref="X5:Y5"/>
    <mergeCell ref="Q3:S4"/>
    <mergeCell ref="T3:W4"/>
    <mergeCell ref="X3:Y4"/>
    <mergeCell ref="N8:P8"/>
    <mergeCell ref="Q8:S8"/>
    <mergeCell ref="U8:W8"/>
    <mergeCell ref="C7:D7"/>
    <mergeCell ref="E7:F7"/>
    <mergeCell ref="G7:I7"/>
    <mergeCell ref="J7:L7"/>
    <mergeCell ref="N7:P7"/>
    <mergeCell ref="J5:L5"/>
    <mergeCell ref="M5:P5"/>
    <mergeCell ref="Q5:S5"/>
    <mergeCell ref="T5:W5"/>
    <mergeCell ref="Q6:S6"/>
    <mergeCell ref="U6:W6"/>
    <mergeCell ref="A3:B4"/>
    <mergeCell ref="C3:F4"/>
    <mergeCell ref="G3:I4"/>
    <mergeCell ref="J3:L4"/>
    <mergeCell ref="M3:P4"/>
    <mergeCell ref="C5:F5"/>
    <mergeCell ref="G5:I5"/>
    <mergeCell ref="C22:D22"/>
    <mergeCell ref="E22:F22"/>
    <mergeCell ref="G22:I22"/>
    <mergeCell ref="J22:L22"/>
    <mergeCell ref="N22:P22"/>
    <mergeCell ref="C21:D21"/>
    <mergeCell ref="E21:F21"/>
    <mergeCell ref="G21:I21"/>
    <mergeCell ref="J21:L21"/>
    <mergeCell ref="N21:P21"/>
    <mergeCell ref="C20:D20"/>
    <mergeCell ref="E20:F20"/>
    <mergeCell ref="G20:I20"/>
    <mergeCell ref="J20:L20"/>
    <mergeCell ref="N20:P20"/>
    <mergeCell ref="C19:D19"/>
    <mergeCell ref="E19:F19"/>
    <mergeCell ref="U16:W16"/>
    <mergeCell ref="C15:D15"/>
    <mergeCell ref="E15:F15"/>
    <mergeCell ref="G15:I15"/>
    <mergeCell ref="J15:L15"/>
    <mergeCell ref="N15:P15"/>
    <mergeCell ref="Q9:S9"/>
    <mergeCell ref="U9:W9"/>
    <mergeCell ref="C10:D10"/>
    <mergeCell ref="E10:F10"/>
    <mergeCell ref="G10:I10"/>
    <mergeCell ref="J10:L10"/>
    <mergeCell ref="N10:P10"/>
    <mergeCell ref="Q10:S10"/>
    <mergeCell ref="U10:W10"/>
    <mergeCell ref="C9:D9"/>
    <mergeCell ref="E9:F9"/>
    <mergeCell ref="G9:I9"/>
    <mergeCell ref="J9:L9"/>
    <mergeCell ref="N9:P9"/>
    <mergeCell ref="Q11:S11"/>
    <mergeCell ref="U11:W11"/>
    <mergeCell ref="C12:D12"/>
    <mergeCell ref="E12:F12"/>
    <mergeCell ref="U12:W12"/>
    <mergeCell ref="C11:D11"/>
    <mergeCell ref="E11:F11"/>
    <mergeCell ref="G11:I11"/>
    <mergeCell ref="J11:L11"/>
    <mergeCell ref="N11:P11"/>
    <mergeCell ref="N23:P23"/>
    <mergeCell ref="Q23:S23"/>
    <mergeCell ref="U23:W23"/>
    <mergeCell ref="A23:F23"/>
    <mergeCell ref="G23:I23"/>
    <mergeCell ref="J23:L23"/>
    <mergeCell ref="C14:D14"/>
    <mergeCell ref="E14:F14"/>
    <mergeCell ref="G14:I14"/>
    <mergeCell ref="J14:L14"/>
    <mergeCell ref="N14:P14"/>
    <mergeCell ref="Q14:S14"/>
    <mergeCell ref="U14:W14"/>
    <mergeCell ref="Q17:S17"/>
    <mergeCell ref="U17:W17"/>
    <mergeCell ref="C18:D18"/>
    <mergeCell ref="E18:F18"/>
    <mergeCell ref="G18:I18"/>
    <mergeCell ref="U18:W18"/>
    <mergeCell ref="C17:D17"/>
    <mergeCell ref="E17:F17"/>
    <mergeCell ref="H26:J27"/>
    <mergeCell ref="K26:N27"/>
    <mergeCell ref="O26:Q27"/>
    <mergeCell ref="R26:U27"/>
    <mergeCell ref="V26:Y27"/>
    <mergeCell ref="A26:C27"/>
    <mergeCell ref="D26:G27"/>
    <mergeCell ref="N19:P19"/>
    <mergeCell ref="G17:I17"/>
    <mergeCell ref="J17:L17"/>
    <mergeCell ref="N17:P17"/>
    <mergeCell ref="J18:L18"/>
    <mergeCell ref="N18:P18"/>
    <mergeCell ref="Q18:S18"/>
    <mergeCell ref="S44:U44"/>
    <mergeCell ref="W44:Y44"/>
    <mergeCell ref="D44:E44"/>
    <mergeCell ref="B44:C44"/>
    <mergeCell ref="F44:G44"/>
    <mergeCell ref="I44:J44"/>
    <mergeCell ref="L44:N44"/>
    <mergeCell ref="P44:Q44"/>
    <mergeCell ref="S36:U36"/>
    <mergeCell ref="W36:Y36"/>
    <mergeCell ref="D36:E36"/>
    <mergeCell ref="B36:C36"/>
    <mergeCell ref="F36:G36"/>
    <mergeCell ref="I36:J36"/>
    <mergeCell ref="L36:N36"/>
    <mergeCell ref="P36:Q36"/>
    <mergeCell ref="P43:Q43"/>
    <mergeCell ref="S43:U43"/>
    <mergeCell ref="W43:Y43"/>
    <mergeCell ref="W35:Y35"/>
    <mergeCell ref="L29:N29"/>
    <mergeCell ref="P41:Q41"/>
    <mergeCell ref="P28:Q28"/>
    <mergeCell ref="S40:U40"/>
    <mergeCell ref="W28:Y28"/>
    <mergeCell ref="S34:U34"/>
    <mergeCell ref="W34:Y34"/>
    <mergeCell ref="B34:C34"/>
    <mergeCell ref="F34:G34"/>
    <mergeCell ref="I34:J34"/>
    <mergeCell ref="L34:N34"/>
    <mergeCell ref="P34:Q34"/>
    <mergeCell ref="W41:Y41"/>
    <mergeCell ref="B42:C42"/>
    <mergeCell ref="D42:E42"/>
    <mergeCell ref="F42:G42"/>
    <mergeCell ref="I42:J42"/>
    <mergeCell ref="L42:N42"/>
    <mergeCell ref="B41:C41"/>
    <mergeCell ref="D41:E41"/>
    <mergeCell ref="F41:G41"/>
    <mergeCell ref="I41:J41"/>
    <mergeCell ref="L41:N41"/>
    <mergeCell ref="D38:E38"/>
    <mergeCell ref="S39:U39"/>
    <mergeCell ref="F35:G35"/>
    <mergeCell ref="P39:Q39"/>
    <mergeCell ref="L35:N35"/>
    <mergeCell ref="W39:Y39"/>
    <mergeCell ref="W42:Y42"/>
    <mergeCell ref="B35:C35"/>
    <mergeCell ref="I38:J38"/>
    <mergeCell ref="L38:N38"/>
    <mergeCell ref="B37:C37"/>
    <mergeCell ref="D37:E37"/>
    <mergeCell ref="F37:G37"/>
    <mergeCell ref="I37:J37"/>
    <mergeCell ref="L37:N37"/>
    <mergeCell ref="W40:Y40"/>
    <mergeCell ref="D40:E40"/>
    <mergeCell ref="B40:C40"/>
    <mergeCell ref="F40:G40"/>
    <mergeCell ref="I40:J40"/>
    <mergeCell ref="L40:N40"/>
    <mergeCell ref="P40:Q40"/>
    <mergeCell ref="P38:Q38"/>
    <mergeCell ref="S38:U38"/>
    <mergeCell ref="W38:Y38"/>
    <mergeCell ref="B39:C39"/>
    <mergeCell ref="D39:E39"/>
    <mergeCell ref="F39:G39"/>
    <mergeCell ref="I39:J39"/>
    <mergeCell ref="L39:N39"/>
    <mergeCell ref="A1:Y1"/>
    <mergeCell ref="A45:G45"/>
    <mergeCell ref="L45:N45"/>
    <mergeCell ref="P45:Q45"/>
    <mergeCell ref="S45:U45"/>
    <mergeCell ref="P33:Q33"/>
    <mergeCell ref="S33:U33"/>
    <mergeCell ref="W33:Y33"/>
    <mergeCell ref="D34:E34"/>
    <mergeCell ref="D35:E35"/>
    <mergeCell ref="B33:C33"/>
    <mergeCell ref="D33:E33"/>
    <mergeCell ref="F33:G33"/>
    <mergeCell ref="I33:J33"/>
    <mergeCell ref="L33:N33"/>
    <mergeCell ref="P31:Q31"/>
    <mergeCell ref="S31:U31"/>
    <mergeCell ref="W31:Y31"/>
    <mergeCell ref="W32:Y32"/>
    <mergeCell ref="B31:C31"/>
    <mergeCell ref="P37:Q37"/>
    <mergeCell ref="S37:U37"/>
    <mergeCell ref="F38:G38"/>
    <mergeCell ref="B32:C32"/>
    <mergeCell ref="W30:Y30"/>
    <mergeCell ref="B29:C29"/>
    <mergeCell ref="D29:E29"/>
    <mergeCell ref="F29:G29"/>
    <mergeCell ref="I32:J32"/>
    <mergeCell ref="L47:Q47"/>
    <mergeCell ref="L48:Q48"/>
    <mergeCell ref="D31:E31"/>
    <mergeCell ref="F31:G31"/>
    <mergeCell ref="I31:J31"/>
    <mergeCell ref="L31:N31"/>
    <mergeCell ref="F47:K47"/>
    <mergeCell ref="F48:K48"/>
    <mergeCell ref="L32:N32"/>
    <mergeCell ref="P32:Q32"/>
    <mergeCell ref="D43:E43"/>
    <mergeCell ref="F43:G43"/>
    <mergeCell ref="I43:J43"/>
    <mergeCell ref="L43:N43"/>
    <mergeCell ref="P42:Q42"/>
    <mergeCell ref="W37:Y37"/>
    <mergeCell ref="B38:C38"/>
    <mergeCell ref="W29:Y29"/>
    <mergeCell ref="S41:U41"/>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AB243"/>
  <sheetViews>
    <sheetView showGridLines="0" view="pageBreakPreview" topLeftCell="A29" zoomScale="115" zoomScaleNormal="100" zoomScaleSheetLayoutView="11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240</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241</v>
      </c>
      <c r="C6" s="109" t="s">
        <v>1</v>
      </c>
      <c r="D6" s="110"/>
      <c r="E6" s="187" t="s">
        <v>1</v>
      </c>
      <c r="F6" s="188"/>
      <c r="G6" s="189" t="s">
        <v>242</v>
      </c>
      <c r="H6" s="189"/>
      <c r="I6" s="189"/>
      <c r="J6" s="175" t="s">
        <v>243</v>
      </c>
      <c r="K6" s="175"/>
      <c r="L6" s="175"/>
      <c r="M6" s="53" t="s">
        <v>1</v>
      </c>
      <c r="N6" s="125" t="s">
        <v>243</v>
      </c>
      <c r="O6" s="125"/>
      <c r="P6" s="129"/>
      <c r="Q6" s="175" t="s">
        <v>29</v>
      </c>
      <c r="R6" s="175"/>
      <c r="S6" s="175"/>
      <c r="T6" s="54"/>
      <c r="U6" s="125" t="s">
        <v>29</v>
      </c>
      <c r="V6" s="125"/>
      <c r="W6" s="129"/>
      <c r="X6" s="55" t="s">
        <v>39</v>
      </c>
      <c r="Y6" s="56" t="s">
        <v>244</v>
      </c>
      <c r="Z6" s="20"/>
      <c r="AA6" s="14"/>
      <c r="AB6" s="20"/>
    </row>
    <row r="7" spans="1:28" customFormat="1" ht="29.1" customHeight="1">
      <c r="A7" s="63" t="s">
        <v>1</v>
      </c>
      <c r="B7" s="51" t="s">
        <v>1</v>
      </c>
      <c r="C7" s="109" t="s">
        <v>25</v>
      </c>
      <c r="D7" s="110"/>
      <c r="E7" s="140" t="s">
        <v>77</v>
      </c>
      <c r="F7" s="141"/>
      <c r="G7" s="155" t="s">
        <v>245</v>
      </c>
      <c r="H7" s="155"/>
      <c r="I7" s="155"/>
      <c r="J7" s="156" t="s">
        <v>246</v>
      </c>
      <c r="K7" s="156"/>
      <c r="L7" s="156"/>
      <c r="M7" s="57" t="s">
        <v>1</v>
      </c>
      <c r="N7" s="99" t="s">
        <v>246</v>
      </c>
      <c r="O7" s="99"/>
      <c r="P7" s="107"/>
      <c r="Q7" s="156" t="s">
        <v>29</v>
      </c>
      <c r="R7" s="156"/>
      <c r="S7" s="156"/>
      <c r="T7" s="58"/>
      <c r="U7" s="99" t="s">
        <v>29</v>
      </c>
      <c r="V7" s="99"/>
      <c r="W7" s="107"/>
      <c r="X7" s="31" t="s">
        <v>39</v>
      </c>
      <c r="Y7" s="52" t="s">
        <v>247</v>
      </c>
      <c r="Z7" s="20"/>
      <c r="AA7" s="20"/>
      <c r="AB7" s="20"/>
    </row>
    <row r="8" spans="1:28" customFormat="1" ht="29.1" customHeight="1">
      <c r="A8" s="63" t="s">
        <v>1</v>
      </c>
      <c r="B8" s="51" t="s">
        <v>1</v>
      </c>
      <c r="C8" s="109" t="s">
        <v>35</v>
      </c>
      <c r="D8" s="110"/>
      <c r="E8" s="140" t="s">
        <v>47</v>
      </c>
      <c r="F8" s="141"/>
      <c r="G8" s="155" t="s">
        <v>248</v>
      </c>
      <c r="H8" s="155"/>
      <c r="I8" s="155"/>
      <c r="J8" s="156" t="s">
        <v>249</v>
      </c>
      <c r="K8" s="156"/>
      <c r="L8" s="156"/>
      <c r="M8" s="57" t="s">
        <v>1</v>
      </c>
      <c r="N8" s="99" t="s">
        <v>249</v>
      </c>
      <c r="O8" s="99"/>
      <c r="P8" s="107"/>
      <c r="Q8" s="156" t="s">
        <v>29</v>
      </c>
      <c r="R8" s="156"/>
      <c r="S8" s="156"/>
      <c r="T8" s="58"/>
      <c r="U8" s="99" t="s">
        <v>29</v>
      </c>
      <c r="V8" s="99"/>
      <c r="W8" s="107"/>
      <c r="X8" s="31" t="s">
        <v>39</v>
      </c>
      <c r="Y8" s="52" t="s">
        <v>250</v>
      </c>
      <c r="Z8" s="20"/>
      <c r="AA8" s="20"/>
      <c r="AB8" s="20"/>
    </row>
    <row r="9" spans="1:28" customFormat="1" ht="29.1" hidden="1" customHeight="1">
      <c r="A9" s="63" t="s">
        <v>51</v>
      </c>
      <c r="B9" s="51" t="s">
        <v>1</v>
      </c>
      <c r="C9" s="109" t="s">
        <v>1</v>
      </c>
      <c r="D9" s="110"/>
      <c r="E9" s="140" t="s">
        <v>1</v>
      </c>
      <c r="F9" s="141"/>
      <c r="G9" s="155" t="s">
        <v>242</v>
      </c>
      <c r="H9" s="155"/>
      <c r="I9" s="155"/>
      <c r="J9" s="156" t="s">
        <v>243</v>
      </c>
      <c r="K9" s="156"/>
      <c r="L9" s="156"/>
      <c r="M9" s="57" t="s">
        <v>1</v>
      </c>
      <c r="N9" s="99" t="s">
        <v>243</v>
      </c>
      <c r="O9" s="99"/>
      <c r="P9" s="107"/>
      <c r="Q9" s="156" t="s">
        <v>29</v>
      </c>
      <c r="R9" s="156"/>
      <c r="S9" s="156"/>
      <c r="T9" s="58"/>
      <c r="U9" s="99" t="s">
        <v>29</v>
      </c>
      <c r="V9" s="99"/>
      <c r="W9" s="107"/>
      <c r="X9" s="31" t="s">
        <v>39</v>
      </c>
      <c r="Y9" s="52" t="s">
        <v>244</v>
      </c>
      <c r="Z9" s="20"/>
      <c r="AA9" s="20"/>
      <c r="AB9" s="20"/>
    </row>
    <row r="10" spans="1:28" customFormat="1" ht="29.1" hidden="1" customHeight="1">
      <c r="A10" s="63" t="s">
        <v>1</v>
      </c>
      <c r="B10" s="51" t="s">
        <v>1</v>
      </c>
      <c r="C10" s="109" t="s">
        <v>1</v>
      </c>
      <c r="D10" s="110"/>
      <c r="E10" s="140" t="s">
        <v>1</v>
      </c>
      <c r="F10" s="141"/>
      <c r="G10" s="155" t="s">
        <v>1</v>
      </c>
      <c r="H10" s="155"/>
      <c r="I10" s="155"/>
      <c r="J10" s="156" t="s">
        <v>1</v>
      </c>
      <c r="K10" s="156"/>
      <c r="L10" s="156"/>
      <c r="M10" s="57" t="s">
        <v>1</v>
      </c>
      <c r="N10" s="99" t="s">
        <v>1</v>
      </c>
      <c r="O10" s="99"/>
      <c r="P10" s="107"/>
      <c r="Q10" s="156" t="s">
        <v>1</v>
      </c>
      <c r="R10" s="156"/>
      <c r="S10" s="156"/>
      <c r="T10" s="58"/>
      <c r="U10" s="99" t="s">
        <v>1</v>
      </c>
      <c r="V10" s="99"/>
      <c r="W10" s="107"/>
      <c r="X10" s="31" t="s">
        <v>1</v>
      </c>
      <c r="Y10" s="52" t="s">
        <v>1</v>
      </c>
      <c r="Z10" s="20"/>
      <c r="AA10" s="20"/>
      <c r="AB10" s="20"/>
    </row>
    <row r="11" spans="1:28" customFormat="1" ht="29.1" hidden="1" customHeight="1">
      <c r="A11" s="63" t="s">
        <v>1</v>
      </c>
      <c r="B11" s="51" t="s">
        <v>1</v>
      </c>
      <c r="C11" s="109" t="s">
        <v>1</v>
      </c>
      <c r="D11" s="110"/>
      <c r="E11" s="140" t="s">
        <v>1</v>
      </c>
      <c r="F11" s="141"/>
      <c r="G11" s="155" t="s">
        <v>1</v>
      </c>
      <c r="H11" s="155"/>
      <c r="I11" s="155"/>
      <c r="J11" s="156" t="s">
        <v>1</v>
      </c>
      <c r="K11" s="156"/>
      <c r="L11" s="156"/>
      <c r="M11" s="57" t="s">
        <v>1</v>
      </c>
      <c r="N11" s="99" t="s">
        <v>1</v>
      </c>
      <c r="O11" s="99"/>
      <c r="P11" s="107"/>
      <c r="Q11" s="156" t="s">
        <v>1</v>
      </c>
      <c r="R11" s="156"/>
      <c r="S11" s="156"/>
      <c r="T11" s="58"/>
      <c r="U11" s="99" t="s">
        <v>1</v>
      </c>
      <c r="V11" s="99"/>
      <c r="W11" s="107"/>
      <c r="X11" s="31" t="s">
        <v>1</v>
      </c>
      <c r="Y11" s="52" t="s">
        <v>1</v>
      </c>
      <c r="Z11" s="20"/>
      <c r="AA11" s="20"/>
      <c r="AB11" s="20"/>
    </row>
    <row r="12" spans="1:28" customFormat="1" ht="29.1" hidden="1" customHeight="1">
      <c r="A12" s="63" t="s">
        <v>1</v>
      </c>
      <c r="B12" s="51" t="s">
        <v>1</v>
      </c>
      <c r="C12" s="109" t="s">
        <v>1</v>
      </c>
      <c r="D12" s="110"/>
      <c r="E12" s="140" t="s">
        <v>1</v>
      </c>
      <c r="F12" s="141"/>
      <c r="G12" s="155" t="s">
        <v>1</v>
      </c>
      <c r="H12" s="155"/>
      <c r="I12" s="155"/>
      <c r="J12" s="156" t="s">
        <v>1</v>
      </c>
      <c r="K12" s="156"/>
      <c r="L12" s="156"/>
      <c r="M12" s="57" t="s">
        <v>1</v>
      </c>
      <c r="N12" s="99" t="s">
        <v>1</v>
      </c>
      <c r="O12" s="99"/>
      <c r="P12" s="107"/>
      <c r="Q12" s="156" t="s">
        <v>1</v>
      </c>
      <c r="R12" s="156"/>
      <c r="S12" s="156"/>
      <c r="T12" s="58"/>
      <c r="U12" s="99" t="s">
        <v>1</v>
      </c>
      <c r="V12" s="99"/>
      <c r="W12" s="107"/>
      <c r="X12" s="31" t="s">
        <v>1</v>
      </c>
      <c r="Y12" s="52" t="s">
        <v>1</v>
      </c>
      <c r="Z12" s="20"/>
      <c r="AA12" s="20"/>
      <c r="AB12" s="20"/>
    </row>
    <row r="13" spans="1:28" customFormat="1" ht="29.1" hidden="1" customHeight="1">
      <c r="A13" s="63" t="s">
        <v>1</v>
      </c>
      <c r="B13" s="51" t="s">
        <v>1</v>
      </c>
      <c r="C13" s="109" t="s">
        <v>1</v>
      </c>
      <c r="D13" s="110"/>
      <c r="E13" s="140" t="s">
        <v>1</v>
      </c>
      <c r="F13" s="141"/>
      <c r="G13" s="155" t="s">
        <v>1</v>
      </c>
      <c r="H13" s="155"/>
      <c r="I13" s="155"/>
      <c r="J13" s="156" t="s">
        <v>1</v>
      </c>
      <c r="K13" s="156"/>
      <c r="L13" s="156"/>
      <c r="M13" s="57" t="s">
        <v>1</v>
      </c>
      <c r="N13" s="99" t="s">
        <v>1</v>
      </c>
      <c r="O13" s="99"/>
      <c r="P13" s="107"/>
      <c r="Q13" s="156" t="s">
        <v>1</v>
      </c>
      <c r="R13" s="156"/>
      <c r="S13" s="156"/>
      <c r="T13" s="58"/>
      <c r="U13" s="99" t="s">
        <v>1</v>
      </c>
      <c r="V13" s="99"/>
      <c r="W13" s="107"/>
      <c r="X13" s="31" t="s">
        <v>1</v>
      </c>
      <c r="Y13" s="52" t="s">
        <v>1</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58"/>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customHeight="1">
      <c r="A23" s="158" t="s">
        <v>9</v>
      </c>
      <c r="B23" s="159"/>
      <c r="C23" s="159"/>
      <c r="D23" s="159"/>
      <c r="E23" s="159"/>
      <c r="F23" s="159"/>
      <c r="G23" s="160" t="s">
        <v>242</v>
      </c>
      <c r="H23" s="160"/>
      <c r="I23" s="160"/>
      <c r="J23" s="157" t="s">
        <v>243</v>
      </c>
      <c r="K23" s="157"/>
      <c r="L23" s="157"/>
      <c r="M23" s="59" t="s">
        <v>1</v>
      </c>
      <c r="N23" s="119" t="s">
        <v>243</v>
      </c>
      <c r="O23" s="119"/>
      <c r="P23" s="120"/>
      <c r="Q23" s="157" t="s">
        <v>29</v>
      </c>
      <c r="R23" s="157"/>
      <c r="S23" s="157"/>
      <c r="T23" s="60"/>
      <c r="U23" s="119" t="s">
        <v>29</v>
      </c>
      <c r="V23" s="119"/>
      <c r="W23" s="120"/>
      <c r="X23" s="61" t="s">
        <v>39</v>
      </c>
      <c r="Y23" s="67" t="s">
        <v>244</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30"/>
      <c r="G28" s="131"/>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251</v>
      </c>
      <c r="C29" s="102"/>
      <c r="D29" s="103" t="s">
        <v>1</v>
      </c>
      <c r="E29" s="104"/>
      <c r="F29" s="105" t="s">
        <v>1</v>
      </c>
      <c r="G29" s="106"/>
      <c r="H29" s="65" t="s">
        <v>1</v>
      </c>
      <c r="I29" s="125" t="s">
        <v>242</v>
      </c>
      <c r="J29" s="129"/>
      <c r="K29" s="55" t="s">
        <v>1</v>
      </c>
      <c r="L29" s="125" t="s">
        <v>246</v>
      </c>
      <c r="M29" s="125"/>
      <c r="N29" s="129"/>
      <c r="O29" s="55" t="s">
        <v>1</v>
      </c>
      <c r="P29" s="125" t="s">
        <v>29</v>
      </c>
      <c r="Q29" s="129"/>
      <c r="R29" s="55" t="s">
        <v>1</v>
      </c>
      <c r="S29" s="125" t="s">
        <v>252</v>
      </c>
      <c r="T29" s="125"/>
      <c r="U29" s="129"/>
      <c r="V29" s="55" t="s">
        <v>1</v>
      </c>
      <c r="W29" s="125" t="s">
        <v>252</v>
      </c>
      <c r="X29" s="125"/>
      <c r="Y29" s="126"/>
      <c r="Z29" s="4"/>
    </row>
    <row r="30" spans="1:28" customFormat="1" ht="28.5" customHeight="1">
      <c r="A30" s="64" t="s">
        <v>1</v>
      </c>
      <c r="B30" s="101" t="s">
        <v>1</v>
      </c>
      <c r="C30" s="102"/>
      <c r="D30" s="109" t="s">
        <v>25</v>
      </c>
      <c r="E30" s="110"/>
      <c r="F30" s="111" t="s">
        <v>215</v>
      </c>
      <c r="G30" s="112"/>
      <c r="H30" s="36" t="s">
        <v>1</v>
      </c>
      <c r="I30" s="99" t="s">
        <v>242</v>
      </c>
      <c r="J30" s="107"/>
      <c r="K30" s="31" t="s">
        <v>1</v>
      </c>
      <c r="L30" s="99" t="s">
        <v>246</v>
      </c>
      <c r="M30" s="99"/>
      <c r="N30" s="107"/>
      <c r="O30" s="31" t="s">
        <v>1</v>
      </c>
      <c r="P30" s="99" t="s">
        <v>29</v>
      </c>
      <c r="Q30" s="107"/>
      <c r="R30" s="31" t="s">
        <v>1</v>
      </c>
      <c r="S30" s="99" t="s">
        <v>252</v>
      </c>
      <c r="T30" s="99"/>
      <c r="U30" s="107"/>
      <c r="V30" s="31" t="s">
        <v>1</v>
      </c>
      <c r="W30" s="99" t="s">
        <v>252</v>
      </c>
      <c r="X30" s="99"/>
      <c r="Y30" s="100"/>
      <c r="Z30" s="4"/>
    </row>
    <row r="31" spans="1:28" customFormat="1" ht="28.5" hidden="1" customHeight="1">
      <c r="A31" s="64" t="s">
        <v>87</v>
      </c>
      <c r="B31" s="101" t="s">
        <v>1</v>
      </c>
      <c r="C31" s="102"/>
      <c r="D31" s="109" t="s">
        <v>1</v>
      </c>
      <c r="E31" s="110"/>
      <c r="F31" s="111" t="s">
        <v>1</v>
      </c>
      <c r="G31" s="112"/>
      <c r="H31" s="36" t="s">
        <v>1</v>
      </c>
      <c r="I31" s="99" t="s">
        <v>242</v>
      </c>
      <c r="J31" s="107"/>
      <c r="K31" s="31" t="s">
        <v>1</v>
      </c>
      <c r="L31" s="99" t="s">
        <v>246</v>
      </c>
      <c r="M31" s="99"/>
      <c r="N31" s="107"/>
      <c r="O31" s="31" t="s">
        <v>1</v>
      </c>
      <c r="P31" s="99" t="s">
        <v>29</v>
      </c>
      <c r="Q31" s="107"/>
      <c r="R31" s="31" t="s">
        <v>1</v>
      </c>
      <c r="S31" s="99" t="s">
        <v>252</v>
      </c>
      <c r="T31" s="99"/>
      <c r="U31" s="107"/>
      <c r="V31" s="31" t="s">
        <v>1</v>
      </c>
      <c r="W31" s="99" t="s">
        <v>252</v>
      </c>
      <c r="X31" s="99"/>
      <c r="Y31" s="100"/>
      <c r="Z31" s="4"/>
    </row>
    <row r="32" spans="1:28" customFormat="1" ht="28.5" hidden="1" customHeight="1">
      <c r="A32" s="64" t="s">
        <v>1</v>
      </c>
      <c r="B32" s="101" t="s">
        <v>1</v>
      </c>
      <c r="C32" s="102"/>
      <c r="D32" s="109" t="s">
        <v>1</v>
      </c>
      <c r="E32" s="110"/>
      <c r="F32" s="111" t="s">
        <v>1</v>
      </c>
      <c r="G32" s="112"/>
      <c r="H32" s="36" t="s">
        <v>1</v>
      </c>
      <c r="I32" s="99" t="s">
        <v>1</v>
      </c>
      <c r="J32" s="107"/>
      <c r="K32" s="31" t="s">
        <v>1</v>
      </c>
      <c r="L32" s="99" t="s">
        <v>1</v>
      </c>
      <c r="M32" s="99"/>
      <c r="N32" s="107"/>
      <c r="O32" s="31" t="s">
        <v>1</v>
      </c>
      <c r="P32" s="99" t="s">
        <v>1</v>
      </c>
      <c r="Q32" s="107"/>
      <c r="R32" s="31" t="s">
        <v>1</v>
      </c>
      <c r="S32" s="99" t="s">
        <v>1</v>
      </c>
      <c r="T32" s="99"/>
      <c r="U32" s="107"/>
      <c r="V32" s="31" t="s">
        <v>1</v>
      </c>
      <c r="W32" s="99" t="s">
        <v>1</v>
      </c>
      <c r="X32" s="99"/>
      <c r="Y32" s="100"/>
      <c r="Z32" s="4"/>
    </row>
    <row r="33" spans="1:26" customFormat="1" ht="28.5" hidden="1" customHeight="1">
      <c r="A33" s="64" t="s">
        <v>1</v>
      </c>
      <c r="B33" s="101" t="s">
        <v>1</v>
      </c>
      <c r="C33" s="102"/>
      <c r="D33" s="109" t="s">
        <v>1</v>
      </c>
      <c r="E33" s="110"/>
      <c r="F33" s="111" t="s">
        <v>5</v>
      </c>
      <c r="G33" s="112"/>
      <c r="H33" s="36" t="s">
        <v>1</v>
      </c>
      <c r="I33" s="99" t="s">
        <v>1</v>
      </c>
      <c r="J33" s="107"/>
      <c r="K33" s="31" t="s">
        <v>1</v>
      </c>
      <c r="L33" s="99" t="s">
        <v>253</v>
      </c>
      <c r="M33" s="99"/>
      <c r="N33" s="107"/>
      <c r="O33" s="31" t="s">
        <v>1</v>
      </c>
      <c r="P33" s="99" t="s">
        <v>1</v>
      </c>
      <c r="Q33" s="107"/>
      <c r="R33" s="31" t="s">
        <v>1</v>
      </c>
      <c r="S33" s="99" t="s">
        <v>1</v>
      </c>
      <c r="T33" s="99"/>
      <c r="U33" s="107"/>
      <c r="V33" s="31" t="s">
        <v>1</v>
      </c>
      <c r="W33" s="99" t="s">
        <v>1</v>
      </c>
      <c r="X33" s="99"/>
      <c r="Y33" s="100"/>
      <c r="Z33" s="4"/>
    </row>
    <row r="34" spans="1:26" customFormat="1" ht="28.5" hidden="1" customHeight="1">
      <c r="A34" s="64" t="s">
        <v>1</v>
      </c>
      <c r="B34" s="101" t="s">
        <v>1</v>
      </c>
      <c r="C34" s="102"/>
      <c r="D34" s="109" t="s">
        <v>1</v>
      </c>
      <c r="E34" s="110"/>
      <c r="F34" s="111" t="s">
        <v>88</v>
      </c>
      <c r="G34" s="112"/>
      <c r="H34" s="36" t="s">
        <v>1</v>
      </c>
      <c r="I34" s="99" t="s">
        <v>1</v>
      </c>
      <c r="J34" s="107"/>
      <c r="K34" s="31" t="s">
        <v>1</v>
      </c>
      <c r="L34" s="99" t="s">
        <v>70</v>
      </c>
      <c r="M34" s="99"/>
      <c r="N34" s="107"/>
      <c r="O34" s="31" t="s">
        <v>1</v>
      </c>
      <c r="P34" s="99" t="s">
        <v>1</v>
      </c>
      <c r="Q34" s="107"/>
      <c r="R34" s="31" t="s">
        <v>1</v>
      </c>
      <c r="S34" s="99" t="s">
        <v>1</v>
      </c>
      <c r="T34" s="99"/>
      <c r="U34" s="107"/>
      <c r="V34" s="31" t="s">
        <v>1</v>
      </c>
      <c r="W34" s="99" t="s">
        <v>1</v>
      </c>
      <c r="X34" s="99"/>
      <c r="Y34" s="100"/>
      <c r="Z34" s="4"/>
    </row>
    <row r="35" spans="1:26" customFormat="1" ht="28.5" hidden="1" customHeight="1">
      <c r="A35" s="64" t="s">
        <v>1</v>
      </c>
      <c r="B35" s="101" t="s">
        <v>1</v>
      </c>
      <c r="C35" s="102"/>
      <c r="D35" s="109" t="s">
        <v>1</v>
      </c>
      <c r="E35" s="110"/>
      <c r="F35" s="111" t="s">
        <v>1</v>
      </c>
      <c r="G35" s="112"/>
      <c r="H35" s="36" t="s">
        <v>1</v>
      </c>
      <c r="I35" s="99" t="s">
        <v>1</v>
      </c>
      <c r="J35" s="107"/>
      <c r="K35" s="31" t="s">
        <v>1</v>
      </c>
      <c r="L35" s="99" t="s">
        <v>1</v>
      </c>
      <c r="M35" s="99"/>
      <c r="N35" s="107"/>
      <c r="O35" s="31" t="s">
        <v>1</v>
      </c>
      <c r="P35" s="99" t="s">
        <v>1</v>
      </c>
      <c r="Q35" s="107"/>
      <c r="R35" s="31" t="s">
        <v>1</v>
      </c>
      <c r="S35" s="99" t="s">
        <v>1</v>
      </c>
      <c r="T35" s="99"/>
      <c r="U35" s="107"/>
      <c r="V35" s="31" t="s">
        <v>1</v>
      </c>
      <c r="W35" s="99" t="s">
        <v>1</v>
      </c>
      <c r="X35" s="99"/>
      <c r="Y35" s="100"/>
      <c r="Z35" s="4"/>
    </row>
    <row r="36" spans="1:26" customFormat="1" ht="28.5" hidden="1" customHeight="1">
      <c r="A36" s="64" t="s">
        <v>1</v>
      </c>
      <c r="B36" s="101" t="s">
        <v>1</v>
      </c>
      <c r="C36" s="102"/>
      <c r="D36" s="109" t="s">
        <v>1</v>
      </c>
      <c r="E36" s="110"/>
      <c r="F36" s="111" t="s">
        <v>89</v>
      </c>
      <c r="G36" s="112"/>
      <c r="H36" s="36" t="s">
        <v>1</v>
      </c>
      <c r="I36" s="99" t="s">
        <v>1</v>
      </c>
      <c r="J36" s="107"/>
      <c r="K36" s="31" t="s">
        <v>1</v>
      </c>
      <c r="L36" s="99" t="s">
        <v>1</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1</v>
      </c>
      <c r="G37" s="112"/>
      <c r="H37" s="36" t="s">
        <v>1</v>
      </c>
      <c r="I37" s="99" t="s">
        <v>1</v>
      </c>
      <c r="J37" s="107"/>
      <c r="K37" s="31" t="s">
        <v>1</v>
      </c>
      <c r="L37" s="99" t="s">
        <v>1</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1</v>
      </c>
      <c r="G38" s="112"/>
      <c r="H38" s="36" t="s">
        <v>1</v>
      </c>
      <c r="I38" s="99" t="s">
        <v>1</v>
      </c>
      <c r="J38" s="107"/>
      <c r="K38" s="31" t="s">
        <v>1</v>
      </c>
      <c r="L38" s="99" t="s">
        <v>7</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1</v>
      </c>
      <c r="G39" s="112"/>
      <c r="H39" s="36" t="s">
        <v>1</v>
      </c>
      <c r="I39" s="99" t="s">
        <v>1</v>
      </c>
      <c r="J39" s="107"/>
      <c r="K39" s="31" t="s">
        <v>1</v>
      </c>
      <c r="L39" s="99" t="s">
        <v>1</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1</v>
      </c>
      <c r="G40" s="112"/>
      <c r="H40" s="36" t="s">
        <v>1</v>
      </c>
      <c r="I40" s="99" t="s">
        <v>1</v>
      </c>
      <c r="J40" s="107"/>
      <c r="K40" s="31" t="s">
        <v>1</v>
      </c>
      <c r="L40" s="99" t="s">
        <v>1</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1</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1</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customHeight="1">
      <c r="A45" s="158" t="s">
        <v>4</v>
      </c>
      <c r="B45" s="159"/>
      <c r="C45" s="159"/>
      <c r="D45" s="159"/>
      <c r="E45" s="159"/>
      <c r="F45" s="159"/>
      <c r="G45" s="159"/>
      <c r="H45" s="66" t="s">
        <v>1</v>
      </c>
      <c r="I45" s="119" t="s">
        <v>242</v>
      </c>
      <c r="J45" s="120"/>
      <c r="K45" s="61" t="s">
        <v>1</v>
      </c>
      <c r="L45" s="119" t="s">
        <v>246</v>
      </c>
      <c r="M45" s="119"/>
      <c r="N45" s="120"/>
      <c r="O45" s="61" t="s">
        <v>1</v>
      </c>
      <c r="P45" s="119" t="s">
        <v>29</v>
      </c>
      <c r="Q45" s="120"/>
      <c r="R45" s="61" t="s">
        <v>1</v>
      </c>
      <c r="S45" s="119" t="s">
        <v>252</v>
      </c>
      <c r="T45" s="119"/>
      <c r="U45" s="120"/>
      <c r="V45" s="61" t="s">
        <v>1</v>
      </c>
      <c r="W45" s="119" t="s">
        <v>252</v>
      </c>
      <c r="X45" s="119"/>
      <c r="Y45" s="176"/>
      <c r="Z45" s="7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253</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4">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AB243"/>
  <sheetViews>
    <sheetView showGridLines="0" view="pageBreakPreview" topLeftCell="A34" zoomScale="115" zoomScaleNormal="100" zoomScaleSheetLayoutView="11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254</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255</v>
      </c>
      <c r="C6" s="109" t="s">
        <v>1</v>
      </c>
      <c r="D6" s="110"/>
      <c r="E6" s="187" t="s">
        <v>1</v>
      </c>
      <c r="F6" s="188"/>
      <c r="G6" s="189" t="s">
        <v>256</v>
      </c>
      <c r="H6" s="189"/>
      <c r="I6" s="189"/>
      <c r="J6" s="175" t="s">
        <v>257</v>
      </c>
      <c r="K6" s="175"/>
      <c r="L6" s="175"/>
      <c r="M6" s="53" t="s">
        <v>1</v>
      </c>
      <c r="N6" s="125" t="s">
        <v>258</v>
      </c>
      <c r="O6" s="125"/>
      <c r="P6" s="129"/>
      <c r="Q6" s="175" t="s">
        <v>259</v>
      </c>
      <c r="R6" s="175"/>
      <c r="S6" s="175"/>
      <c r="T6" s="54"/>
      <c r="U6" s="125" t="s">
        <v>260</v>
      </c>
      <c r="V6" s="125"/>
      <c r="W6" s="129"/>
      <c r="X6" s="55" t="s">
        <v>1</v>
      </c>
      <c r="Y6" s="56" t="s">
        <v>261</v>
      </c>
      <c r="Z6" s="20"/>
      <c r="AA6" s="14"/>
      <c r="AB6" s="20"/>
    </row>
    <row r="7" spans="1:28" customFormat="1" ht="29.1" customHeight="1">
      <c r="A7" s="63" t="s">
        <v>1</v>
      </c>
      <c r="B7" s="51" t="s">
        <v>1</v>
      </c>
      <c r="C7" s="109" t="s">
        <v>25</v>
      </c>
      <c r="D7" s="110"/>
      <c r="E7" s="140" t="s">
        <v>31</v>
      </c>
      <c r="F7" s="141"/>
      <c r="G7" s="155" t="s">
        <v>262</v>
      </c>
      <c r="H7" s="155"/>
      <c r="I7" s="155"/>
      <c r="J7" s="156" t="s">
        <v>263</v>
      </c>
      <c r="K7" s="156"/>
      <c r="L7" s="156"/>
      <c r="M7" s="57" t="s">
        <v>1</v>
      </c>
      <c r="N7" s="99" t="s">
        <v>264</v>
      </c>
      <c r="O7" s="99"/>
      <c r="P7" s="107"/>
      <c r="Q7" s="156" t="s">
        <v>265</v>
      </c>
      <c r="R7" s="156"/>
      <c r="S7" s="156"/>
      <c r="T7" s="58"/>
      <c r="U7" s="99" t="s">
        <v>266</v>
      </c>
      <c r="V7" s="99"/>
      <c r="W7" s="107"/>
      <c r="X7" s="31" t="s">
        <v>1</v>
      </c>
      <c r="Y7" s="52" t="s">
        <v>267</v>
      </c>
      <c r="Z7" s="20"/>
      <c r="AA7" s="20"/>
      <c r="AB7" s="20"/>
    </row>
    <row r="8" spans="1:28" customFormat="1" ht="29.1" customHeight="1">
      <c r="A8" s="63" t="s">
        <v>1</v>
      </c>
      <c r="B8" s="51" t="s">
        <v>1</v>
      </c>
      <c r="C8" s="109" t="s">
        <v>35</v>
      </c>
      <c r="D8" s="110"/>
      <c r="E8" s="140" t="s">
        <v>36</v>
      </c>
      <c r="F8" s="141"/>
      <c r="G8" s="155" t="s">
        <v>268</v>
      </c>
      <c r="H8" s="155"/>
      <c r="I8" s="155"/>
      <c r="J8" s="156" t="s">
        <v>268</v>
      </c>
      <c r="K8" s="156"/>
      <c r="L8" s="156"/>
      <c r="M8" s="57" t="s">
        <v>1</v>
      </c>
      <c r="N8" s="99" t="s">
        <v>268</v>
      </c>
      <c r="O8" s="99"/>
      <c r="P8" s="107"/>
      <c r="Q8" s="156" t="s">
        <v>29</v>
      </c>
      <c r="R8" s="156"/>
      <c r="S8" s="156"/>
      <c r="T8" s="58"/>
      <c r="U8" s="99" t="s">
        <v>29</v>
      </c>
      <c r="V8" s="99"/>
      <c r="W8" s="107"/>
      <c r="X8" s="31" t="s">
        <v>1</v>
      </c>
      <c r="Y8" s="52" t="s">
        <v>29</v>
      </c>
      <c r="Z8" s="20"/>
      <c r="AA8" s="20"/>
      <c r="AB8" s="20"/>
    </row>
    <row r="9" spans="1:28" customFormat="1" ht="29.1" customHeight="1">
      <c r="A9" s="63" t="s">
        <v>1</v>
      </c>
      <c r="B9" s="51" t="s">
        <v>1</v>
      </c>
      <c r="C9" s="109" t="s">
        <v>41</v>
      </c>
      <c r="D9" s="110"/>
      <c r="E9" s="140" t="s">
        <v>42</v>
      </c>
      <c r="F9" s="141"/>
      <c r="G9" s="155" t="s">
        <v>269</v>
      </c>
      <c r="H9" s="155"/>
      <c r="I9" s="155"/>
      <c r="J9" s="156" t="s">
        <v>270</v>
      </c>
      <c r="K9" s="156"/>
      <c r="L9" s="156"/>
      <c r="M9" s="57" t="s">
        <v>1</v>
      </c>
      <c r="N9" s="99" t="s">
        <v>270</v>
      </c>
      <c r="O9" s="99"/>
      <c r="P9" s="107"/>
      <c r="Q9" s="156" t="s">
        <v>29</v>
      </c>
      <c r="R9" s="156"/>
      <c r="S9" s="156"/>
      <c r="T9" s="58"/>
      <c r="U9" s="99" t="s">
        <v>29</v>
      </c>
      <c r="V9" s="99"/>
      <c r="W9" s="107"/>
      <c r="X9" s="31" t="s">
        <v>1</v>
      </c>
      <c r="Y9" s="52" t="s">
        <v>271</v>
      </c>
      <c r="Z9" s="20"/>
      <c r="AA9" s="20"/>
      <c r="AB9" s="20"/>
    </row>
    <row r="10" spans="1:28" customFormat="1" ht="29.1" customHeight="1">
      <c r="A10" s="63" t="s">
        <v>1</v>
      </c>
      <c r="B10" s="51" t="s">
        <v>1</v>
      </c>
      <c r="C10" s="109" t="s">
        <v>46</v>
      </c>
      <c r="D10" s="110"/>
      <c r="E10" s="140" t="s">
        <v>47</v>
      </c>
      <c r="F10" s="141"/>
      <c r="G10" s="155" t="s">
        <v>272</v>
      </c>
      <c r="H10" s="155"/>
      <c r="I10" s="155"/>
      <c r="J10" s="156" t="s">
        <v>273</v>
      </c>
      <c r="K10" s="156"/>
      <c r="L10" s="156"/>
      <c r="M10" s="57" t="s">
        <v>1</v>
      </c>
      <c r="N10" s="99" t="s">
        <v>274</v>
      </c>
      <c r="O10" s="99"/>
      <c r="P10" s="107"/>
      <c r="Q10" s="156" t="s">
        <v>275</v>
      </c>
      <c r="R10" s="156"/>
      <c r="S10" s="156"/>
      <c r="T10" s="58"/>
      <c r="U10" s="99" t="s">
        <v>276</v>
      </c>
      <c r="V10" s="99"/>
      <c r="W10" s="107"/>
      <c r="X10" s="31" t="s">
        <v>1</v>
      </c>
      <c r="Y10" s="52" t="s">
        <v>277</v>
      </c>
      <c r="Z10" s="20"/>
      <c r="AA10" s="20"/>
      <c r="AB10" s="20"/>
    </row>
    <row r="11" spans="1:28" customFormat="1" ht="29.1" hidden="1" customHeight="1">
      <c r="A11" s="63" t="s">
        <v>51</v>
      </c>
      <c r="B11" s="51" t="s">
        <v>1</v>
      </c>
      <c r="C11" s="109" t="s">
        <v>1</v>
      </c>
      <c r="D11" s="110"/>
      <c r="E11" s="140" t="s">
        <v>1</v>
      </c>
      <c r="F11" s="141"/>
      <c r="G11" s="155" t="s">
        <v>256</v>
      </c>
      <c r="H11" s="155"/>
      <c r="I11" s="155"/>
      <c r="J11" s="156" t="s">
        <v>257</v>
      </c>
      <c r="K11" s="156"/>
      <c r="L11" s="156"/>
      <c r="M11" s="57" t="s">
        <v>1</v>
      </c>
      <c r="N11" s="99" t="s">
        <v>258</v>
      </c>
      <c r="O11" s="99"/>
      <c r="P11" s="107"/>
      <c r="Q11" s="156" t="s">
        <v>259</v>
      </c>
      <c r="R11" s="156"/>
      <c r="S11" s="156"/>
      <c r="T11" s="58"/>
      <c r="U11" s="99" t="s">
        <v>260</v>
      </c>
      <c r="V11" s="99"/>
      <c r="W11" s="107"/>
      <c r="X11" s="31" t="s">
        <v>1</v>
      </c>
      <c r="Y11" s="52" t="s">
        <v>261</v>
      </c>
      <c r="Z11" s="20"/>
      <c r="AA11" s="20"/>
      <c r="AB11" s="20"/>
    </row>
    <row r="12" spans="1:28" customFormat="1" ht="29.1" hidden="1" customHeight="1">
      <c r="A12" s="63" t="s">
        <v>1</v>
      </c>
      <c r="B12" s="51" t="s">
        <v>1</v>
      </c>
      <c r="C12" s="109" t="s">
        <v>1</v>
      </c>
      <c r="D12" s="110"/>
      <c r="E12" s="140" t="s">
        <v>1</v>
      </c>
      <c r="F12" s="141"/>
      <c r="G12" s="155" t="s">
        <v>1</v>
      </c>
      <c r="H12" s="155"/>
      <c r="I12" s="155"/>
      <c r="J12" s="156" t="s">
        <v>1</v>
      </c>
      <c r="K12" s="156"/>
      <c r="L12" s="156"/>
      <c r="M12" s="57" t="s">
        <v>1</v>
      </c>
      <c r="N12" s="99" t="s">
        <v>1</v>
      </c>
      <c r="O12" s="99"/>
      <c r="P12" s="107"/>
      <c r="Q12" s="156" t="s">
        <v>1</v>
      </c>
      <c r="R12" s="156"/>
      <c r="S12" s="156"/>
      <c r="T12" s="58"/>
      <c r="U12" s="99" t="s">
        <v>1</v>
      </c>
      <c r="V12" s="99"/>
      <c r="W12" s="107"/>
      <c r="X12" s="31" t="s">
        <v>1</v>
      </c>
      <c r="Y12" s="52" t="s">
        <v>1</v>
      </c>
      <c r="Z12" s="20"/>
      <c r="AA12" s="20"/>
      <c r="AB12" s="20"/>
    </row>
    <row r="13" spans="1:28" customFormat="1" ht="29.1" hidden="1" customHeight="1">
      <c r="A13" s="63" t="s">
        <v>1</v>
      </c>
      <c r="B13" s="51" t="s">
        <v>1</v>
      </c>
      <c r="C13" s="109" t="s">
        <v>1</v>
      </c>
      <c r="D13" s="110"/>
      <c r="E13" s="140" t="s">
        <v>1</v>
      </c>
      <c r="F13" s="141"/>
      <c r="G13" s="155" t="s">
        <v>1</v>
      </c>
      <c r="H13" s="155"/>
      <c r="I13" s="155"/>
      <c r="J13" s="156" t="s">
        <v>1</v>
      </c>
      <c r="K13" s="156"/>
      <c r="L13" s="156"/>
      <c r="M13" s="57" t="s">
        <v>1</v>
      </c>
      <c r="N13" s="99" t="s">
        <v>1</v>
      </c>
      <c r="O13" s="99"/>
      <c r="P13" s="107"/>
      <c r="Q13" s="156" t="s">
        <v>1</v>
      </c>
      <c r="R13" s="156"/>
      <c r="S13" s="156"/>
      <c r="T13" s="58"/>
      <c r="U13" s="99" t="s">
        <v>1</v>
      </c>
      <c r="V13" s="99"/>
      <c r="W13" s="107"/>
      <c r="X13" s="31" t="s">
        <v>1</v>
      </c>
      <c r="Y13" s="52" t="s">
        <v>1</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58"/>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customHeight="1">
      <c r="A23" s="158" t="s">
        <v>9</v>
      </c>
      <c r="B23" s="159"/>
      <c r="C23" s="159"/>
      <c r="D23" s="159"/>
      <c r="E23" s="159"/>
      <c r="F23" s="159"/>
      <c r="G23" s="160" t="s">
        <v>256</v>
      </c>
      <c r="H23" s="160"/>
      <c r="I23" s="160"/>
      <c r="J23" s="157" t="s">
        <v>257</v>
      </c>
      <c r="K23" s="157"/>
      <c r="L23" s="157"/>
      <c r="M23" s="59" t="s">
        <v>1</v>
      </c>
      <c r="N23" s="119" t="s">
        <v>258</v>
      </c>
      <c r="O23" s="119"/>
      <c r="P23" s="120"/>
      <c r="Q23" s="157" t="s">
        <v>259</v>
      </c>
      <c r="R23" s="157"/>
      <c r="S23" s="157"/>
      <c r="T23" s="60"/>
      <c r="U23" s="119" t="s">
        <v>260</v>
      </c>
      <c r="V23" s="119"/>
      <c r="W23" s="120"/>
      <c r="X23" s="61" t="s">
        <v>1</v>
      </c>
      <c r="Y23" s="62" t="s">
        <v>261</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30"/>
      <c r="G28" s="131"/>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278</v>
      </c>
      <c r="C29" s="102"/>
      <c r="D29" s="103" t="s">
        <v>1</v>
      </c>
      <c r="E29" s="104"/>
      <c r="F29" s="105" t="s">
        <v>1</v>
      </c>
      <c r="G29" s="106"/>
      <c r="H29" s="65" t="s">
        <v>1</v>
      </c>
      <c r="I29" s="125" t="s">
        <v>256</v>
      </c>
      <c r="J29" s="129"/>
      <c r="K29" s="55" t="s">
        <v>1</v>
      </c>
      <c r="L29" s="125" t="s">
        <v>279</v>
      </c>
      <c r="M29" s="125"/>
      <c r="N29" s="129"/>
      <c r="O29" s="55" t="s">
        <v>1</v>
      </c>
      <c r="P29" s="125" t="s">
        <v>29</v>
      </c>
      <c r="Q29" s="129"/>
      <c r="R29" s="55" t="s">
        <v>1</v>
      </c>
      <c r="S29" s="125" t="s">
        <v>280</v>
      </c>
      <c r="T29" s="125"/>
      <c r="U29" s="129"/>
      <c r="V29" s="55" t="s">
        <v>1</v>
      </c>
      <c r="W29" s="125" t="s">
        <v>280</v>
      </c>
      <c r="X29" s="125"/>
      <c r="Y29" s="126"/>
      <c r="Z29" s="4"/>
    </row>
    <row r="30" spans="1:28" customFormat="1" ht="28.5" customHeight="1">
      <c r="A30" s="64" t="s">
        <v>1</v>
      </c>
      <c r="B30" s="101" t="s">
        <v>1</v>
      </c>
      <c r="C30" s="102"/>
      <c r="D30" s="109" t="s">
        <v>25</v>
      </c>
      <c r="E30" s="110"/>
      <c r="F30" s="111" t="s">
        <v>156</v>
      </c>
      <c r="G30" s="112"/>
      <c r="H30" s="36" t="s">
        <v>1</v>
      </c>
      <c r="I30" s="99" t="s">
        <v>281</v>
      </c>
      <c r="J30" s="107"/>
      <c r="K30" s="31" t="s">
        <v>1</v>
      </c>
      <c r="L30" s="99" t="s">
        <v>282</v>
      </c>
      <c r="M30" s="99"/>
      <c r="N30" s="107"/>
      <c r="O30" s="31" t="s">
        <v>1</v>
      </c>
      <c r="P30" s="99" t="s">
        <v>29</v>
      </c>
      <c r="Q30" s="107"/>
      <c r="R30" s="31" t="s">
        <v>1</v>
      </c>
      <c r="S30" s="99" t="s">
        <v>283</v>
      </c>
      <c r="T30" s="99"/>
      <c r="U30" s="107"/>
      <c r="V30" s="31" t="s">
        <v>1</v>
      </c>
      <c r="W30" s="99" t="s">
        <v>283</v>
      </c>
      <c r="X30" s="99"/>
      <c r="Y30" s="100"/>
      <c r="Z30" s="4"/>
    </row>
    <row r="31" spans="1:28" customFormat="1" ht="28.5" customHeight="1">
      <c r="A31" s="64" t="s">
        <v>1</v>
      </c>
      <c r="B31" s="101" t="s">
        <v>1</v>
      </c>
      <c r="C31" s="102"/>
      <c r="D31" s="109" t="s">
        <v>35</v>
      </c>
      <c r="E31" s="110"/>
      <c r="F31" s="111" t="s">
        <v>158</v>
      </c>
      <c r="G31" s="112"/>
      <c r="H31" s="36" t="s">
        <v>1</v>
      </c>
      <c r="I31" s="99" t="s">
        <v>284</v>
      </c>
      <c r="J31" s="107"/>
      <c r="K31" s="31" t="s">
        <v>1</v>
      </c>
      <c r="L31" s="99" t="s">
        <v>285</v>
      </c>
      <c r="M31" s="99"/>
      <c r="N31" s="107"/>
      <c r="O31" s="31" t="s">
        <v>1</v>
      </c>
      <c r="P31" s="99" t="s">
        <v>29</v>
      </c>
      <c r="Q31" s="107"/>
      <c r="R31" s="31" t="s">
        <v>1</v>
      </c>
      <c r="S31" s="99" t="s">
        <v>286</v>
      </c>
      <c r="T31" s="99"/>
      <c r="U31" s="107"/>
      <c r="V31" s="31" t="s">
        <v>1</v>
      </c>
      <c r="W31" s="99" t="s">
        <v>286</v>
      </c>
      <c r="X31" s="99"/>
      <c r="Y31" s="100"/>
      <c r="Z31" s="4"/>
    </row>
    <row r="32" spans="1:28" customFormat="1" ht="28.5" customHeight="1">
      <c r="A32" s="64" t="s">
        <v>1</v>
      </c>
      <c r="B32" s="88"/>
      <c r="C32" s="88"/>
      <c r="D32" s="185" t="s">
        <v>41</v>
      </c>
      <c r="E32" s="186"/>
      <c r="F32" s="121" t="s">
        <v>95</v>
      </c>
      <c r="G32" s="122"/>
      <c r="H32" s="92" t="s">
        <v>1</v>
      </c>
      <c r="I32" s="177" t="s">
        <v>287</v>
      </c>
      <c r="J32" s="178"/>
      <c r="K32" s="87" t="s">
        <v>1</v>
      </c>
      <c r="L32" s="177" t="s">
        <v>288</v>
      </c>
      <c r="M32" s="177"/>
      <c r="N32" s="178"/>
      <c r="O32" s="87" t="s">
        <v>1</v>
      </c>
      <c r="P32" s="177" t="s">
        <v>29</v>
      </c>
      <c r="Q32" s="178"/>
      <c r="R32" s="87" t="s">
        <v>1</v>
      </c>
      <c r="S32" s="177" t="s">
        <v>289</v>
      </c>
      <c r="T32" s="177"/>
      <c r="U32" s="178"/>
      <c r="V32" s="87" t="s">
        <v>1</v>
      </c>
      <c r="W32" s="177" t="s">
        <v>289</v>
      </c>
      <c r="X32" s="177"/>
      <c r="Y32" s="198"/>
      <c r="Z32" s="4"/>
    </row>
    <row r="33" spans="1:26" customFormat="1" ht="28.5" customHeight="1">
      <c r="A33" s="64" t="s">
        <v>1</v>
      </c>
      <c r="B33" s="101" t="s">
        <v>1</v>
      </c>
      <c r="C33" s="102"/>
      <c r="D33" s="185" t="s">
        <v>46</v>
      </c>
      <c r="E33" s="186"/>
      <c r="F33" s="121" t="s">
        <v>65</v>
      </c>
      <c r="G33" s="122"/>
      <c r="H33" s="92" t="s">
        <v>1</v>
      </c>
      <c r="I33" s="177" t="s">
        <v>290</v>
      </c>
      <c r="J33" s="178"/>
      <c r="K33" s="87" t="s">
        <v>1</v>
      </c>
      <c r="L33" s="177" t="s">
        <v>291</v>
      </c>
      <c r="M33" s="177"/>
      <c r="N33" s="178"/>
      <c r="O33" s="87" t="s">
        <v>1</v>
      </c>
      <c r="P33" s="177" t="s">
        <v>29</v>
      </c>
      <c r="Q33" s="178"/>
      <c r="R33" s="87" t="s">
        <v>1</v>
      </c>
      <c r="S33" s="177" t="s">
        <v>292</v>
      </c>
      <c r="T33" s="177"/>
      <c r="U33" s="178"/>
      <c r="V33" s="87" t="s">
        <v>1</v>
      </c>
      <c r="W33" s="177" t="s">
        <v>292</v>
      </c>
      <c r="X33" s="177"/>
      <c r="Y33" s="198"/>
      <c r="Z33" s="4"/>
    </row>
    <row r="34" spans="1:26" customFormat="1" ht="28.5" customHeight="1">
      <c r="A34" s="89" t="s">
        <v>1</v>
      </c>
      <c r="B34" s="199" t="s">
        <v>1</v>
      </c>
      <c r="C34" s="200"/>
      <c r="D34" s="201" t="s">
        <v>129</v>
      </c>
      <c r="E34" s="202"/>
      <c r="F34" s="203" t="s">
        <v>162</v>
      </c>
      <c r="G34" s="204"/>
      <c r="H34" s="90" t="s">
        <v>1</v>
      </c>
      <c r="I34" s="205" t="s">
        <v>293</v>
      </c>
      <c r="J34" s="206"/>
      <c r="K34" s="91" t="s">
        <v>1</v>
      </c>
      <c r="L34" s="205" t="s">
        <v>29</v>
      </c>
      <c r="M34" s="205"/>
      <c r="N34" s="206"/>
      <c r="O34" s="91" t="s">
        <v>1</v>
      </c>
      <c r="P34" s="205" t="s">
        <v>29</v>
      </c>
      <c r="Q34" s="206"/>
      <c r="R34" s="91" t="s">
        <v>1</v>
      </c>
      <c r="S34" s="205" t="s">
        <v>293</v>
      </c>
      <c r="T34" s="205"/>
      <c r="U34" s="206"/>
      <c r="V34" s="91" t="s">
        <v>1</v>
      </c>
      <c r="W34" s="205" t="s">
        <v>293</v>
      </c>
      <c r="X34" s="205"/>
      <c r="Y34" s="207"/>
      <c r="Z34" s="4"/>
    </row>
    <row r="35" spans="1:26" customFormat="1" ht="28.5" customHeight="1">
      <c r="A35" s="158" t="s">
        <v>4</v>
      </c>
      <c r="B35" s="159"/>
      <c r="C35" s="159"/>
      <c r="D35" s="159"/>
      <c r="E35" s="159"/>
      <c r="F35" s="159"/>
      <c r="G35" s="159"/>
      <c r="H35" s="80" t="s">
        <v>1</v>
      </c>
      <c r="I35" s="119" t="s">
        <v>256</v>
      </c>
      <c r="J35" s="120"/>
      <c r="K35" s="61" t="s">
        <v>1</v>
      </c>
      <c r="L35" s="119" t="s">
        <v>279</v>
      </c>
      <c r="M35" s="119"/>
      <c r="N35" s="120"/>
      <c r="O35" s="61" t="s">
        <v>1</v>
      </c>
      <c r="P35" s="119" t="s">
        <v>29</v>
      </c>
      <c r="Q35" s="120"/>
      <c r="R35" s="61" t="s">
        <v>1</v>
      </c>
      <c r="S35" s="119" t="s">
        <v>280</v>
      </c>
      <c r="T35" s="119"/>
      <c r="U35" s="120"/>
      <c r="V35" s="61" t="s">
        <v>1</v>
      </c>
      <c r="W35" s="119" t="s">
        <v>280</v>
      </c>
      <c r="X35" s="119"/>
      <c r="Y35" s="176"/>
      <c r="Z35" s="4"/>
    </row>
    <row r="36" spans="1:26" customFormat="1" ht="28.5" hidden="1" customHeight="1">
      <c r="A36" s="64" t="s">
        <v>1</v>
      </c>
      <c r="B36" s="101" t="s">
        <v>1</v>
      </c>
      <c r="C36" s="102"/>
      <c r="D36" s="109" t="s">
        <v>1</v>
      </c>
      <c r="E36" s="110"/>
      <c r="F36" s="111" t="s">
        <v>1</v>
      </c>
      <c r="G36" s="112"/>
      <c r="H36" s="36" t="s">
        <v>1</v>
      </c>
      <c r="I36" s="99" t="s">
        <v>1</v>
      </c>
      <c r="J36" s="107"/>
      <c r="K36" s="31" t="s">
        <v>1</v>
      </c>
      <c r="L36" s="99" t="s">
        <v>1</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5</v>
      </c>
      <c r="G37" s="112"/>
      <c r="H37" s="36" t="s">
        <v>1</v>
      </c>
      <c r="I37" s="99" t="s">
        <v>1</v>
      </c>
      <c r="J37" s="107"/>
      <c r="K37" s="31" t="s">
        <v>1</v>
      </c>
      <c r="L37" s="99" t="s">
        <v>294</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88</v>
      </c>
      <c r="G38" s="112"/>
      <c r="H38" s="36" t="s">
        <v>1</v>
      </c>
      <c r="I38" s="99" t="s">
        <v>1</v>
      </c>
      <c r="J38" s="107"/>
      <c r="K38" s="31" t="s">
        <v>1</v>
      </c>
      <c r="L38" s="99" t="s">
        <v>70</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1</v>
      </c>
      <c r="G39" s="112"/>
      <c r="H39" s="36" t="s">
        <v>1</v>
      </c>
      <c r="I39" s="99" t="s">
        <v>1</v>
      </c>
      <c r="J39" s="107"/>
      <c r="K39" s="31" t="s">
        <v>1</v>
      </c>
      <c r="L39" s="99" t="s">
        <v>1</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89</v>
      </c>
      <c r="G40" s="112"/>
      <c r="H40" s="36" t="s">
        <v>1</v>
      </c>
      <c r="I40" s="99" t="s">
        <v>1</v>
      </c>
      <c r="J40" s="107"/>
      <c r="K40" s="31" t="s">
        <v>1</v>
      </c>
      <c r="L40" s="99" t="s">
        <v>1</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1</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7</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hidden="1" customHeight="1">
      <c r="A45" s="158" t="s">
        <v>4</v>
      </c>
      <c r="B45" s="159"/>
      <c r="C45" s="159"/>
      <c r="D45" s="159"/>
      <c r="E45" s="159"/>
      <c r="F45" s="159"/>
      <c r="G45" s="159"/>
      <c r="H45" s="66" t="s">
        <v>1</v>
      </c>
      <c r="I45" s="119" t="s">
        <v>287</v>
      </c>
      <c r="J45" s="120"/>
      <c r="K45" s="61" t="s">
        <v>1</v>
      </c>
      <c r="L45" s="119" t="s">
        <v>288</v>
      </c>
      <c r="M45" s="119"/>
      <c r="N45" s="120"/>
      <c r="O45" s="61" t="s">
        <v>1</v>
      </c>
      <c r="P45" s="119" t="s">
        <v>29</v>
      </c>
      <c r="Q45" s="120"/>
      <c r="R45" s="61" t="s">
        <v>1</v>
      </c>
      <c r="S45" s="119" t="s">
        <v>289</v>
      </c>
      <c r="T45" s="119"/>
      <c r="U45" s="120"/>
      <c r="V45" s="61" t="s">
        <v>1</v>
      </c>
      <c r="W45" s="119" t="s">
        <v>289</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294</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I35:J35"/>
    <mergeCell ref="L35:N35"/>
    <mergeCell ref="P35:Q35"/>
    <mergeCell ref="A35:G35"/>
    <mergeCell ref="B34:C34"/>
    <mergeCell ref="D34:E34"/>
    <mergeCell ref="F34:G34"/>
    <mergeCell ref="I34:J34"/>
    <mergeCell ref="L34:N34"/>
    <mergeCell ref="P34:Q34"/>
    <mergeCell ref="S34:U34"/>
    <mergeCell ref="W34:Y34"/>
    <mergeCell ref="I33:J33"/>
    <mergeCell ref="L33:N33"/>
    <mergeCell ref="P33:Q33"/>
    <mergeCell ref="D33:E33"/>
    <mergeCell ref="F33:G33"/>
    <mergeCell ref="S31:U31"/>
    <mergeCell ref="W31:Y31"/>
    <mergeCell ref="B33:C33"/>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1:AB243"/>
  <sheetViews>
    <sheetView showGridLines="0" view="pageBreakPreview" topLeftCell="A24" zoomScaleNormal="10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295</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296</v>
      </c>
      <c r="C6" s="109" t="s">
        <v>1</v>
      </c>
      <c r="D6" s="110"/>
      <c r="E6" s="187" t="s">
        <v>1</v>
      </c>
      <c r="F6" s="188"/>
      <c r="G6" s="189" t="s">
        <v>297</v>
      </c>
      <c r="H6" s="189"/>
      <c r="I6" s="189"/>
      <c r="J6" s="175" t="s">
        <v>298</v>
      </c>
      <c r="K6" s="175"/>
      <c r="L6" s="175"/>
      <c r="M6" s="53" t="s">
        <v>1</v>
      </c>
      <c r="N6" s="125" t="s">
        <v>298</v>
      </c>
      <c r="O6" s="125"/>
      <c r="P6" s="129"/>
      <c r="Q6" s="175" t="s">
        <v>29</v>
      </c>
      <c r="R6" s="175"/>
      <c r="S6" s="175"/>
      <c r="T6" s="54"/>
      <c r="U6" s="125" t="s">
        <v>29</v>
      </c>
      <c r="V6" s="125"/>
      <c r="W6" s="129"/>
      <c r="X6" s="55" t="s">
        <v>39</v>
      </c>
      <c r="Y6" s="56" t="s">
        <v>299</v>
      </c>
      <c r="Z6" s="20"/>
      <c r="AA6" s="14"/>
      <c r="AB6" s="20"/>
    </row>
    <row r="7" spans="1:28" customFormat="1" ht="29.1" customHeight="1">
      <c r="A7" s="63" t="s">
        <v>1</v>
      </c>
      <c r="B7" s="51" t="s">
        <v>1</v>
      </c>
      <c r="C7" s="109" t="s">
        <v>25</v>
      </c>
      <c r="D7" s="110"/>
      <c r="E7" s="140" t="s">
        <v>300</v>
      </c>
      <c r="F7" s="141"/>
      <c r="G7" s="155" t="s">
        <v>301</v>
      </c>
      <c r="H7" s="155"/>
      <c r="I7" s="155"/>
      <c r="J7" s="156" t="s">
        <v>302</v>
      </c>
      <c r="K7" s="156"/>
      <c r="L7" s="156"/>
      <c r="M7" s="57" t="s">
        <v>1</v>
      </c>
      <c r="N7" s="99" t="s">
        <v>302</v>
      </c>
      <c r="O7" s="99"/>
      <c r="P7" s="107"/>
      <c r="Q7" s="156" t="s">
        <v>29</v>
      </c>
      <c r="R7" s="156"/>
      <c r="S7" s="156"/>
      <c r="T7" s="58"/>
      <c r="U7" s="99" t="s">
        <v>29</v>
      </c>
      <c r="V7" s="99"/>
      <c r="W7" s="107"/>
      <c r="X7" s="31" t="s">
        <v>1</v>
      </c>
      <c r="Y7" s="52" t="s">
        <v>303</v>
      </c>
      <c r="Z7" s="20"/>
      <c r="AA7" s="20"/>
      <c r="AB7" s="20"/>
    </row>
    <row r="8" spans="1:28" customFormat="1" ht="29.1" customHeight="1">
      <c r="A8" s="63" t="s">
        <v>1</v>
      </c>
      <c r="B8" s="51" t="s">
        <v>1</v>
      </c>
      <c r="C8" s="109" t="s">
        <v>35</v>
      </c>
      <c r="D8" s="110"/>
      <c r="E8" s="140" t="s">
        <v>121</v>
      </c>
      <c r="F8" s="141"/>
      <c r="G8" s="155" t="s">
        <v>304</v>
      </c>
      <c r="H8" s="155"/>
      <c r="I8" s="155"/>
      <c r="J8" s="156" t="s">
        <v>305</v>
      </c>
      <c r="K8" s="156"/>
      <c r="L8" s="156"/>
      <c r="M8" s="57" t="s">
        <v>1</v>
      </c>
      <c r="N8" s="99" t="s">
        <v>305</v>
      </c>
      <c r="O8" s="99"/>
      <c r="P8" s="107"/>
      <c r="Q8" s="156" t="s">
        <v>29</v>
      </c>
      <c r="R8" s="156"/>
      <c r="S8" s="156"/>
      <c r="T8" s="58"/>
      <c r="U8" s="99" t="s">
        <v>29</v>
      </c>
      <c r="V8" s="99"/>
      <c r="W8" s="107"/>
      <c r="X8" s="31" t="s">
        <v>1</v>
      </c>
      <c r="Y8" s="52" t="s">
        <v>306</v>
      </c>
      <c r="Z8" s="20"/>
      <c r="AA8" s="20"/>
      <c r="AB8" s="20"/>
    </row>
    <row r="9" spans="1:28" customFormat="1" ht="29.1" customHeight="1">
      <c r="A9" s="63" t="s">
        <v>1</v>
      </c>
      <c r="B9" s="51" t="s">
        <v>1</v>
      </c>
      <c r="C9" s="109" t="s">
        <v>41</v>
      </c>
      <c r="D9" s="110"/>
      <c r="E9" s="140" t="s">
        <v>77</v>
      </c>
      <c r="F9" s="141"/>
      <c r="G9" s="155" t="s">
        <v>307</v>
      </c>
      <c r="H9" s="155"/>
      <c r="I9" s="155"/>
      <c r="J9" s="156" t="s">
        <v>308</v>
      </c>
      <c r="K9" s="156"/>
      <c r="L9" s="156"/>
      <c r="M9" s="57" t="s">
        <v>1</v>
      </c>
      <c r="N9" s="99" t="s">
        <v>308</v>
      </c>
      <c r="O9" s="99"/>
      <c r="P9" s="107"/>
      <c r="Q9" s="156" t="s">
        <v>29</v>
      </c>
      <c r="R9" s="156"/>
      <c r="S9" s="156"/>
      <c r="T9" s="58"/>
      <c r="U9" s="99" t="s">
        <v>29</v>
      </c>
      <c r="V9" s="99"/>
      <c r="W9" s="107"/>
      <c r="X9" s="31" t="s">
        <v>39</v>
      </c>
      <c r="Y9" s="52" t="s">
        <v>309</v>
      </c>
      <c r="Z9" s="20"/>
      <c r="AA9" s="20"/>
      <c r="AB9" s="20"/>
    </row>
    <row r="10" spans="1:28" customFormat="1" ht="29.1" customHeight="1">
      <c r="A10" s="63" t="s">
        <v>1</v>
      </c>
      <c r="B10" s="51" t="s">
        <v>1</v>
      </c>
      <c r="C10" s="109" t="s">
        <v>46</v>
      </c>
      <c r="D10" s="110"/>
      <c r="E10" s="140" t="s">
        <v>36</v>
      </c>
      <c r="F10" s="141"/>
      <c r="G10" s="155" t="s">
        <v>310</v>
      </c>
      <c r="H10" s="155"/>
      <c r="I10" s="155"/>
      <c r="J10" s="156" t="s">
        <v>311</v>
      </c>
      <c r="K10" s="156"/>
      <c r="L10" s="156"/>
      <c r="M10" s="57" t="s">
        <v>1</v>
      </c>
      <c r="N10" s="99" t="s">
        <v>311</v>
      </c>
      <c r="O10" s="99"/>
      <c r="P10" s="107"/>
      <c r="Q10" s="156" t="s">
        <v>29</v>
      </c>
      <c r="R10" s="156"/>
      <c r="S10" s="156"/>
      <c r="T10" s="58"/>
      <c r="U10" s="99" t="s">
        <v>29</v>
      </c>
      <c r="V10" s="99"/>
      <c r="W10" s="107"/>
      <c r="X10" s="31" t="s">
        <v>39</v>
      </c>
      <c r="Y10" s="52" t="s">
        <v>312</v>
      </c>
      <c r="Z10" s="20"/>
      <c r="AA10" s="20"/>
      <c r="AB10" s="20"/>
    </row>
    <row r="11" spans="1:28" customFormat="1" ht="29.1" customHeight="1">
      <c r="A11" s="63" t="s">
        <v>1</v>
      </c>
      <c r="B11" s="51" t="s">
        <v>1</v>
      </c>
      <c r="C11" s="109" t="s">
        <v>129</v>
      </c>
      <c r="D11" s="110"/>
      <c r="E11" s="140" t="s">
        <v>47</v>
      </c>
      <c r="F11" s="141"/>
      <c r="G11" s="155" t="s">
        <v>313</v>
      </c>
      <c r="H11" s="155"/>
      <c r="I11" s="155"/>
      <c r="J11" s="156" t="s">
        <v>314</v>
      </c>
      <c r="K11" s="156"/>
      <c r="L11" s="156"/>
      <c r="M11" s="57" t="s">
        <v>1</v>
      </c>
      <c r="N11" s="99" t="s">
        <v>314</v>
      </c>
      <c r="O11" s="99"/>
      <c r="P11" s="107"/>
      <c r="Q11" s="156" t="s">
        <v>29</v>
      </c>
      <c r="R11" s="156"/>
      <c r="S11" s="156"/>
      <c r="T11" s="58"/>
      <c r="U11" s="99" t="s">
        <v>29</v>
      </c>
      <c r="V11" s="99"/>
      <c r="W11" s="107"/>
      <c r="X11" s="31" t="s">
        <v>39</v>
      </c>
      <c r="Y11" s="52" t="s">
        <v>315</v>
      </c>
      <c r="Z11" s="20"/>
      <c r="AA11" s="20"/>
      <c r="AB11" s="20"/>
    </row>
    <row r="12" spans="1:28" customFormat="1" ht="29.1" customHeight="1">
      <c r="A12" s="63" t="s">
        <v>1</v>
      </c>
      <c r="B12" s="51" t="s">
        <v>1</v>
      </c>
      <c r="C12" s="136" t="s">
        <v>316</v>
      </c>
      <c r="D12" s="137"/>
      <c r="E12" s="165" t="s">
        <v>42</v>
      </c>
      <c r="F12" s="166"/>
      <c r="G12" s="167" t="s">
        <v>317</v>
      </c>
      <c r="H12" s="167"/>
      <c r="I12" s="167"/>
      <c r="J12" s="168" t="s">
        <v>318</v>
      </c>
      <c r="K12" s="168"/>
      <c r="L12" s="168"/>
      <c r="M12" s="68" t="s">
        <v>1</v>
      </c>
      <c r="N12" s="133" t="s">
        <v>318</v>
      </c>
      <c r="O12" s="133"/>
      <c r="P12" s="134"/>
      <c r="Q12" s="168" t="s">
        <v>29</v>
      </c>
      <c r="R12" s="168"/>
      <c r="S12" s="168"/>
      <c r="T12" s="69"/>
      <c r="U12" s="133" t="s">
        <v>29</v>
      </c>
      <c r="V12" s="133"/>
      <c r="W12" s="134"/>
      <c r="X12" s="46" t="s">
        <v>1</v>
      </c>
      <c r="Y12" s="76" t="s">
        <v>319</v>
      </c>
      <c r="Z12" s="20"/>
      <c r="AA12" s="20"/>
      <c r="AB12" s="20"/>
    </row>
    <row r="13" spans="1:28" customFormat="1" ht="29.1" customHeight="1">
      <c r="A13" s="158" t="s">
        <v>9</v>
      </c>
      <c r="B13" s="159"/>
      <c r="C13" s="159"/>
      <c r="D13" s="159"/>
      <c r="E13" s="159"/>
      <c r="F13" s="159"/>
      <c r="G13" s="208" t="s">
        <v>297</v>
      </c>
      <c r="H13" s="209"/>
      <c r="I13" s="210"/>
      <c r="J13" s="211" t="s">
        <v>298</v>
      </c>
      <c r="K13" s="119"/>
      <c r="L13" s="120"/>
      <c r="M13" s="59" t="s">
        <v>1</v>
      </c>
      <c r="N13" s="119" t="s">
        <v>298</v>
      </c>
      <c r="O13" s="119"/>
      <c r="P13" s="120"/>
      <c r="Q13" s="157" t="s">
        <v>29</v>
      </c>
      <c r="R13" s="157"/>
      <c r="S13" s="157"/>
      <c r="T13" s="60"/>
      <c r="U13" s="119" t="s">
        <v>29</v>
      </c>
      <c r="V13" s="119"/>
      <c r="W13" s="120"/>
      <c r="X13" s="61" t="s">
        <v>39</v>
      </c>
      <c r="Y13" s="95" t="s">
        <v>299</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79"/>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hidden="1" customHeight="1">
      <c r="A23" s="158" t="s">
        <v>9</v>
      </c>
      <c r="B23" s="159"/>
      <c r="C23" s="159"/>
      <c r="D23" s="159"/>
      <c r="E23" s="159"/>
      <c r="F23" s="159"/>
      <c r="G23" s="160" t="s">
        <v>297</v>
      </c>
      <c r="H23" s="160"/>
      <c r="I23" s="160"/>
      <c r="J23" s="157" t="s">
        <v>298</v>
      </c>
      <c r="K23" s="157"/>
      <c r="L23" s="157"/>
      <c r="M23" s="59" t="s">
        <v>1</v>
      </c>
      <c r="N23" s="119" t="s">
        <v>298</v>
      </c>
      <c r="O23" s="119"/>
      <c r="P23" s="120"/>
      <c r="Q23" s="157" t="s">
        <v>29</v>
      </c>
      <c r="R23" s="157"/>
      <c r="S23" s="157"/>
      <c r="T23" s="60"/>
      <c r="U23" s="119" t="s">
        <v>29</v>
      </c>
      <c r="V23" s="119"/>
      <c r="W23" s="120"/>
      <c r="X23" s="61" t="s">
        <v>39</v>
      </c>
      <c r="Y23" s="62" t="s">
        <v>299</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320</v>
      </c>
      <c r="C29" s="102"/>
      <c r="D29" s="103" t="s">
        <v>1</v>
      </c>
      <c r="E29" s="104"/>
      <c r="F29" s="105" t="s">
        <v>1</v>
      </c>
      <c r="G29" s="106"/>
      <c r="H29" s="65" t="s">
        <v>1</v>
      </c>
      <c r="I29" s="125" t="s">
        <v>297</v>
      </c>
      <c r="J29" s="129"/>
      <c r="K29" s="55" t="s">
        <v>1</v>
      </c>
      <c r="L29" s="125" t="s">
        <v>321</v>
      </c>
      <c r="M29" s="125"/>
      <c r="N29" s="129"/>
      <c r="O29" s="55" t="s">
        <v>1</v>
      </c>
      <c r="P29" s="125" t="s">
        <v>29</v>
      </c>
      <c r="Q29" s="129"/>
      <c r="R29" s="55" t="s">
        <v>1</v>
      </c>
      <c r="S29" s="125" t="s">
        <v>322</v>
      </c>
      <c r="T29" s="125"/>
      <c r="U29" s="129"/>
      <c r="V29" s="55" t="s">
        <v>1</v>
      </c>
      <c r="W29" s="125" t="s">
        <v>322</v>
      </c>
      <c r="X29" s="125"/>
      <c r="Y29" s="126"/>
      <c r="Z29" s="4"/>
    </row>
    <row r="30" spans="1:28" customFormat="1" ht="28.5" customHeight="1">
      <c r="A30" s="64" t="s">
        <v>1</v>
      </c>
      <c r="B30" s="101" t="s">
        <v>1</v>
      </c>
      <c r="C30" s="102"/>
      <c r="D30" s="109" t="s">
        <v>25</v>
      </c>
      <c r="E30" s="110"/>
      <c r="F30" s="111" t="s">
        <v>320</v>
      </c>
      <c r="G30" s="112"/>
      <c r="H30" s="36" t="s">
        <v>1</v>
      </c>
      <c r="I30" s="99" t="s">
        <v>323</v>
      </c>
      <c r="J30" s="107"/>
      <c r="K30" s="31" t="s">
        <v>1</v>
      </c>
      <c r="L30" s="99" t="s">
        <v>324</v>
      </c>
      <c r="M30" s="99"/>
      <c r="N30" s="107"/>
      <c r="O30" s="31" t="s">
        <v>1</v>
      </c>
      <c r="P30" s="99" t="s">
        <v>29</v>
      </c>
      <c r="Q30" s="107"/>
      <c r="R30" s="31" t="s">
        <v>1</v>
      </c>
      <c r="S30" s="99" t="s">
        <v>325</v>
      </c>
      <c r="T30" s="99"/>
      <c r="U30" s="107"/>
      <c r="V30" s="31" t="s">
        <v>1</v>
      </c>
      <c r="W30" s="99" t="s">
        <v>325</v>
      </c>
      <c r="X30" s="99"/>
      <c r="Y30" s="100"/>
      <c r="Z30" s="4"/>
    </row>
    <row r="31" spans="1:28" customFormat="1" ht="28.5" customHeight="1">
      <c r="A31" s="64" t="s">
        <v>1</v>
      </c>
      <c r="B31" s="101" t="s">
        <v>1</v>
      </c>
      <c r="C31" s="102"/>
      <c r="D31" s="109" t="s">
        <v>35</v>
      </c>
      <c r="E31" s="110"/>
      <c r="F31" s="111" t="s">
        <v>156</v>
      </c>
      <c r="G31" s="112"/>
      <c r="H31" s="36" t="s">
        <v>1</v>
      </c>
      <c r="I31" s="99" t="s">
        <v>326</v>
      </c>
      <c r="J31" s="107"/>
      <c r="K31" s="31" t="s">
        <v>1</v>
      </c>
      <c r="L31" s="99" t="s">
        <v>326</v>
      </c>
      <c r="M31" s="99"/>
      <c r="N31" s="107"/>
      <c r="O31" s="31" t="s">
        <v>1</v>
      </c>
      <c r="P31" s="99" t="s">
        <v>29</v>
      </c>
      <c r="Q31" s="107"/>
      <c r="R31" s="31" t="s">
        <v>1</v>
      </c>
      <c r="S31" s="99" t="s">
        <v>29</v>
      </c>
      <c r="T31" s="99"/>
      <c r="U31" s="107"/>
      <c r="V31" s="31" t="s">
        <v>1</v>
      </c>
      <c r="W31" s="99" t="s">
        <v>29</v>
      </c>
      <c r="X31" s="99"/>
      <c r="Y31" s="100"/>
      <c r="Z31" s="4"/>
    </row>
    <row r="32" spans="1:28" customFormat="1" ht="28.5" customHeight="1">
      <c r="A32" s="64" t="s">
        <v>1</v>
      </c>
      <c r="B32" s="101" t="s">
        <v>1</v>
      </c>
      <c r="C32" s="102"/>
      <c r="D32" s="109" t="s">
        <v>41</v>
      </c>
      <c r="E32" s="110"/>
      <c r="F32" s="111" t="s">
        <v>215</v>
      </c>
      <c r="G32" s="112"/>
      <c r="H32" s="36" t="s">
        <v>1</v>
      </c>
      <c r="I32" s="99" t="s">
        <v>327</v>
      </c>
      <c r="J32" s="107"/>
      <c r="K32" s="31" t="s">
        <v>1</v>
      </c>
      <c r="L32" s="99" t="s">
        <v>328</v>
      </c>
      <c r="M32" s="99"/>
      <c r="N32" s="107"/>
      <c r="O32" s="31" t="s">
        <v>1</v>
      </c>
      <c r="P32" s="99" t="s">
        <v>29</v>
      </c>
      <c r="Q32" s="107"/>
      <c r="R32" s="31" t="s">
        <v>1</v>
      </c>
      <c r="S32" s="99" t="s">
        <v>309</v>
      </c>
      <c r="T32" s="99"/>
      <c r="U32" s="107"/>
      <c r="V32" s="31" t="s">
        <v>1</v>
      </c>
      <c r="W32" s="99" t="s">
        <v>309</v>
      </c>
      <c r="X32" s="99"/>
      <c r="Y32" s="100"/>
      <c r="Z32" s="4"/>
    </row>
    <row r="33" spans="1:26" customFormat="1" ht="28.5" customHeight="1">
      <c r="A33" s="64" t="s">
        <v>1</v>
      </c>
      <c r="B33" s="101" t="s">
        <v>1</v>
      </c>
      <c r="C33" s="102"/>
      <c r="D33" s="109" t="s">
        <v>46</v>
      </c>
      <c r="E33" s="110"/>
      <c r="F33" s="111" t="s">
        <v>162</v>
      </c>
      <c r="G33" s="112"/>
      <c r="H33" s="36" t="s">
        <v>1</v>
      </c>
      <c r="I33" s="99" t="s">
        <v>329</v>
      </c>
      <c r="J33" s="107"/>
      <c r="K33" s="31" t="s">
        <v>1</v>
      </c>
      <c r="L33" s="99" t="s">
        <v>29</v>
      </c>
      <c r="M33" s="99"/>
      <c r="N33" s="107"/>
      <c r="O33" s="31" t="s">
        <v>1</v>
      </c>
      <c r="P33" s="99" t="s">
        <v>29</v>
      </c>
      <c r="Q33" s="107"/>
      <c r="R33" s="31" t="s">
        <v>1</v>
      </c>
      <c r="S33" s="99" t="s">
        <v>329</v>
      </c>
      <c r="T33" s="99"/>
      <c r="U33" s="107"/>
      <c r="V33" s="31" t="s">
        <v>1</v>
      </c>
      <c r="W33" s="99" t="s">
        <v>329</v>
      </c>
      <c r="X33" s="99"/>
      <c r="Y33" s="100"/>
      <c r="Z33" s="4"/>
    </row>
    <row r="34" spans="1:26" customFormat="1" ht="28.5" hidden="1" customHeight="1">
      <c r="A34" s="64" t="s">
        <v>87</v>
      </c>
      <c r="B34" s="101" t="s">
        <v>1</v>
      </c>
      <c r="C34" s="102"/>
      <c r="D34" s="109" t="s">
        <v>1</v>
      </c>
      <c r="E34" s="110"/>
      <c r="F34" s="111" t="s">
        <v>1</v>
      </c>
      <c r="G34" s="112"/>
      <c r="H34" s="36" t="s">
        <v>1</v>
      </c>
      <c r="I34" s="99" t="s">
        <v>297</v>
      </c>
      <c r="J34" s="107"/>
      <c r="K34" s="31" t="s">
        <v>1</v>
      </c>
      <c r="L34" s="99" t="s">
        <v>321</v>
      </c>
      <c r="M34" s="99"/>
      <c r="N34" s="107"/>
      <c r="O34" s="31" t="s">
        <v>1</v>
      </c>
      <c r="P34" s="99" t="s">
        <v>29</v>
      </c>
      <c r="Q34" s="107"/>
      <c r="R34" s="31" t="s">
        <v>1</v>
      </c>
      <c r="S34" s="99" t="s">
        <v>322</v>
      </c>
      <c r="T34" s="99"/>
      <c r="U34" s="107"/>
      <c r="V34" s="31" t="s">
        <v>1</v>
      </c>
      <c r="W34" s="99" t="s">
        <v>322</v>
      </c>
      <c r="X34" s="99"/>
      <c r="Y34" s="100"/>
      <c r="Z34" s="4"/>
    </row>
    <row r="35" spans="1:26" customFormat="1" ht="28.5" hidden="1" customHeight="1">
      <c r="A35" s="64" t="s">
        <v>1</v>
      </c>
      <c r="B35" s="101" t="s">
        <v>1</v>
      </c>
      <c r="C35" s="102"/>
      <c r="D35" s="109" t="s">
        <v>1</v>
      </c>
      <c r="E35" s="110"/>
      <c r="F35" s="111" t="s">
        <v>1</v>
      </c>
      <c r="G35" s="112"/>
      <c r="H35" s="36" t="s">
        <v>1</v>
      </c>
      <c r="I35" s="99" t="s">
        <v>1</v>
      </c>
      <c r="J35" s="107"/>
      <c r="K35" s="31" t="s">
        <v>1</v>
      </c>
      <c r="L35" s="99" t="s">
        <v>1</v>
      </c>
      <c r="M35" s="99"/>
      <c r="N35" s="107"/>
      <c r="O35" s="31" t="s">
        <v>1</v>
      </c>
      <c r="P35" s="99" t="s">
        <v>1</v>
      </c>
      <c r="Q35" s="107"/>
      <c r="R35" s="31" t="s">
        <v>1</v>
      </c>
      <c r="S35" s="99" t="s">
        <v>1</v>
      </c>
      <c r="T35" s="99"/>
      <c r="U35" s="107"/>
      <c r="V35" s="31" t="s">
        <v>1</v>
      </c>
      <c r="W35" s="99" t="s">
        <v>1</v>
      </c>
      <c r="X35" s="99"/>
      <c r="Y35" s="100"/>
      <c r="Z35" s="4"/>
    </row>
    <row r="36" spans="1:26" customFormat="1" ht="28.5" hidden="1" customHeight="1">
      <c r="A36" s="64" t="s">
        <v>1</v>
      </c>
      <c r="B36" s="101" t="s">
        <v>1</v>
      </c>
      <c r="C36" s="102"/>
      <c r="D36" s="109" t="s">
        <v>1</v>
      </c>
      <c r="E36" s="110"/>
      <c r="F36" s="111" t="s">
        <v>5</v>
      </c>
      <c r="G36" s="112"/>
      <c r="H36" s="36" t="s">
        <v>1</v>
      </c>
      <c r="I36" s="99" t="s">
        <v>1</v>
      </c>
      <c r="J36" s="107"/>
      <c r="K36" s="31" t="s">
        <v>1</v>
      </c>
      <c r="L36" s="99" t="s">
        <v>330</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88</v>
      </c>
      <c r="G37" s="112"/>
      <c r="H37" s="36" t="s">
        <v>1</v>
      </c>
      <c r="I37" s="99" t="s">
        <v>1</v>
      </c>
      <c r="J37" s="107"/>
      <c r="K37" s="31" t="s">
        <v>1</v>
      </c>
      <c r="L37" s="99" t="s">
        <v>70</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1</v>
      </c>
      <c r="G38" s="112"/>
      <c r="H38" s="36" t="s">
        <v>1</v>
      </c>
      <c r="I38" s="99" t="s">
        <v>1</v>
      </c>
      <c r="J38" s="107"/>
      <c r="K38" s="31" t="s">
        <v>1</v>
      </c>
      <c r="L38" s="99" t="s">
        <v>1</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89</v>
      </c>
      <c r="G39" s="112"/>
      <c r="H39" s="36" t="s">
        <v>1</v>
      </c>
      <c r="I39" s="99" t="s">
        <v>1</v>
      </c>
      <c r="J39" s="107"/>
      <c r="K39" s="31" t="s">
        <v>1</v>
      </c>
      <c r="L39" s="99" t="s">
        <v>1</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1</v>
      </c>
      <c r="G40" s="112"/>
      <c r="H40" s="36" t="s">
        <v>1</v>
      </c>
      <c r="I40" s="99" t="s">
        <v>1</v>
      </c>
      <c r="J40" s="107"/>
      <c r="K40" s="31" t="s">
        <v>1</v>
      </c>
      <c r="L40" s="99" t="s">
        <v>1</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7</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1</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customHeight="1">
      <c r="A45" s="158" t="s">
        <v>4</v>
      </c>
      <c r="B45" s="159"/>
      <c r="C45" s="159"/>
      <c r="D45" s="159"/>
      <c r="E45" s="159"/>
      <c r="F45" s="159"/>
      <c r="G45" s="159"/>
      <c r="H45" s="66" t="s">
        <v>1</v>
      </c>
      <c r="I45" s="119" t="s">
        <v>297</v>
      </c>
      <c r="J45" s="120"/>
      <c r="K45" s="61" t="s">
        <v>1</v>
      </c>
      <c r="L45" s="119" t="s">
        <v>321</v>
      </c>
      <c r="M45" s="119"/>
      <c r="N45" s="120"/>
      <c r="O45" s="61" t="s">
        <v>1</v>
      </c>
      <c r="P45" s="119" t="s">
        <v>29</v>
      </c>
      <c r="Q45" s="120"/>
      <c r="R45" s="61" t="s">
        <v>1</v>
      </c>
      <c r="S45" s="119" t="s">
        <v>322</v>
      </c>
      <c r="T45" s="119"/>
      <c r="U45" s="120"/>
      <c r="V45" s="61" t="s">
        <v>1</v>
      </c>
      <c r="W45" s="119" t="s">
        <v>322</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330</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3">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G13:I13"/>
    <mergeCell ref="J13:L13"/>
    <mergeCell ref="N13:P13"/>
    <mergeCell ref="Q13:S13"/>
    <mergeCell ref="A13:F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AB243"/>
  <sheetViews>
    <sheetView showGridLines="0" view="pageBreakPreview" topLeftCell="A25" zoomScale="115" zoomScaleNormal="100" zoomScaleSheetLayoutView="11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212" t="s">
        <v>331</v>
      </c>
      <c r="B1" s="212"/>
      <c r="C1" s="212"/>
      <c r="D1" s="212"/>
      <c r="E1" s="212"/>
      <c r="F1" s="212"/>
      <c r="G1" s="212"/>
      <c r="H1" s="212"/>
      <c r="I1" s="212"/>
      <c r="J1" s="212"/>
      <c r="K1" s="212"/>
      <c r="L1" s="212"/>
      <c r="M1" s="212"/>
      <c r="N1" s="212"/>
      <c r="O1" s="212"/>
      <c r="P1" s="212"/>
      <c r="Q1" s="212"/>
      <c r="R1" s="212"/>
      <c r="S1" s="212"/>
      <c r="T1" s="212"/>
      <c r="U1" s="212"/>
      <c r="V1" s="212"/>
      <c r="W1" s="212"/>
      <c r="X1" s="212"/>
      <c r="Y1" s="212"/>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332</v>
      </c>
      <c r="C6" s="109" t="s">
        <v>1</v>
      </c>
      <c r="D6" s="110"/>
      <c r="E6" s="187" t="s">
        <v>1</v>
      </c>
      <c r="F6" s="188"/>
      <c r="G6" s="189" t="s">
        <v>333</v>
      </c>
      <c r="H6" s="189"/>
      <c r="I6" s="189"/>
      <c r="J6" s="175" t="s">
        <v>334</v>
      </c>
      <c r="K6" s="175"/>
      <c r="L6" s="175"/>
      <c r="M6" s="53" t="s">
        <v>1</v>
      </c>
      <c r="N6" s="125" t="s">
        <v>334</v>
      </c>
      <c r="O6" s="125"/>
      <c r="P6" s="129"/>
      <c r="Q6" s="175" t="s">
        <v>29</v>
      </c>
      <c r="R6" s="175"/>
      <c r="S6" s="175"/>
      <c r="T6" s="54"/>
      <c r="U6" s="125" t="s">
        <v>29</v>
      </c>
      <c r="V6" s="125"/>
      <c r="W6" s="129"/>
      <c r="X6" s="55" t="s">
        <v>39</v>
      </c>
      <c r="Y6" s="56" t="s">
        <v>335</v>
      </c>
      <c r="Z6" s="20"/>
      <c r="AA6" s="14"/>
      <c r="AB6" s="20"/>
    </row>
    <row r="7" spans="1:28" customFormat="1" ht="29.1" customHeight="1">
      <c r="A7" s="63" t="s">
        <v>1</v>
      </c>
      <c r="B7" s="51" t="s">
        <v>1</v>
      </c>
      <c r="C7" s="109" t="s">
        <v>25</v>
      </c>
      <c r="D7" s="110"/>
      <c r="E7" s="140" t="s">
        <v>31</v>
      </c>
      <c r="F7" s="141"/>
      <c r="G7" s="155" t="s">
        <v>336</v>
      </c>
      <c r="H7" s="155"/>
      <c r="I7" s="155"/>
      <c r="J7" s="156" t="s">
        <v>337</v>
      </c>
      <c r="K7" s="156"/>
      <c r="L7" s="156"/>
      <c r="M7" s="57" t="s">
        <v>1</v>
      </c>
      <c r="N7" s="99" t="s">
        <v>337</v>
      </c>
      <c r="O7" s="99"/>
      <c r="P7" s="107"/>
      <c r="Q7" s="156" t="s">
        <v>29</v>
      </c>
      <c r="R7" s="156"/>
      <c r="S7" s="156"/>
      <c r="T7" s="58"/>
      <c r="U7" s="99" t="s">
        <v>29</v>
      </c>
      <c r="V7" s="99"/>
      <c r="W7" s="107"/>
      <c r="X7" s="31" t="s">
        <v>39</v>
      </c>
      <c r="Y7" s="52" t="s">
        <v>338</v>
      </c>
      <c r="Z7" s="20"/>
      <c r="AA7" s="20"/>
      <c r="AB7" s="20"/>
    </row>
    <row r="8" spans="1:28" customFormat="1" ht="29.1" customHeight="1">
      <c r="A8" s="63" t="s">
        <v>1</v>
      </c>
      <c r="B8" s="51" t="s">
        <v>1</v>
      </c>
      <c r="C8" s="109" t="s">
        <v>35</v>
      </c>
      <c r="D8" s="110"/>
      <c r="E8" s="140" t="s">
        <v>84</v>
      </c>
      <c r="F8" s="141"/>
      <c r="G8" s="155" t="s">
        <v>339</v>
      </c>
      <c r="H8" s="155"/>
      <c r="I8" s="155"/>
      <c r="J8" s="156" t="s">
        <v>340</v>
      </c>
      <c r="K8" s="156"/>
      <c r="L8" s="156"/>
      <c r="M8" s="57" t="s">
        <v>1</v>
      </c>
      <c r="N8" s="99" t="s">
        <v>340</v>
      </c>
      <c r="O8" s="99"/>
      <c r="P8" s="107"/>
      <c r="Q8" s="156" t="s">
        <v>29</v>
      </c>
      <c r="R8" s="156"/>
      <c r="S8" s="156"/>
      <c r="T8" s="58"/>
      <c r="U8" s="99" t="s">
        <v>29</v>
      </c>
      <c r="V8" s="99"/>
      <c r="W8" s="107"/>
      <c r="X8" s="31" t="s">
        <v>39</v>
      </c>
      <c r="Y8" s="52" t="s">
        <v>341</v>
      </c>
      <c r="Z8" s="20"/>
      <c r="AA8" s="20"/>
      <c r="AB8" s="20"/>
    </row>
    <row r="9" spans="1:28" customFormat="1" ht="29.1" hidden="1" customHeight="1">
      <c r="A9" s="63" t="s">
        <v>51</v>
      </c>
      <c r="B9" s="51" t="s">
        <v>1</v>
      </c>
      <c r="C9" s="109" t="s">
        <v>1</v>
      </c>
      <c r="D9" s="110"/>
      <c r="E9" s="140" t="s">
        <v>1</v>
      </c>
      <c r="F9" s="141"/>
      <c r="G9" s="167" t="s">
        <v>333</v>
      </c>
      <c r="H9" s="167"/>
      <c r="I9" s="167"/>
      <c r="J9" s="168" t="s">
        <v>334</v>
      </c>
      <c r="K9" s="168"/>
      <c r="L9" s="168"/>
      <c r="M9" s="68" t="s">
        <v>1</v>
      </c>
      <c r="N9" s="133" t="s">
        <v>334</v>
      </c>
      <c r="O9" s="133"/>
      <c r="P9" s="134"/>
      <c r="Q9" s="168" t="s">
        <v>29</v>
      </c>
      <c r="R9" s="168"/>
      <c r="S9" s="168"/>
      <c r="T9" s="69"/>
      <c r="U9" s="133" t="s">
        <v>29</v>
      </c>
      <c r="V9" s="133"/>
      <c r="W9" s="134"/>
      <c r="X9" s="46" t="s">
        <v>39</v>
      </c>
      <c r="Y9" s="76" t="s">
        <v>335</v>
      </c>
      <c r="Z9" s="20"/>
      <c r="AA9" s="20"/>
      <c r="AB9" s="20"/>
    </row>
    <row r="10" spans="1:28" customFormat="1" ht="29.1" customHeight="1">
      <c r="A10" s="158" t="s">
        <v>9</v>
      </c>
      <c r="B10" s="159"/>
      <c r="C10" s="159"/>
      <c r="D10" s="159"/>
      <c r="E10" s="159"/>
      <c r="F10" s="159"/>
      <c r="G10" s="160" t="s">
        <v>333</v>
      </c>
      <c r="H10" s="160"/>
      <c r="I10" s="160"/>
      <c r="J10" s="157" t="s">
        <v>334</v>
      </c>
      <c r="K10" s="157"/>
      <c r="L10" s="157"/>
      <c r="M10" s="59" t="s">
        <v>1</v>
      </c>
      <c r="N10" s="119" t="s">
        <v>334</v>
      </c>
      <c r="O10" s="119"/>
      <c r="P10" s="120"/>
      <c r="Q10" s="157" t="s">
        <v>29</v>
      </c>
      <c r="R10" s="157"/>
      <c r="S10" s="157"/>
      <c r="T10" s="60"/>
      <c r="U10" s="119" t="s">
        <v>29</v>
      </c>
      <c r="V10" s="119"/>
      <c r="W10" s="120"/>
      <c r="X10" s="61" t="s">
        <v>39</v>
      </c>
      <c r="Y10" s="95" t="s">
        <v>335</v>
      </c>
      <c r="Z10" s="20"/>
      <c r="AA10" s="20"/>
      <c r="AB10" s="20"/>
    </row>
    <row r="11" spans="1:28" customFormat="1" ht="29.1" hidden="1" customHeight="1">
      <c r="A11" s="63" t="s">
        <v>1</v>
      </c>
      <c r="B11" s="51" t="s">
        <v>1</v>
      </c>
      <c r="C11" s="109" t="s">
        <v>1</v>
      </c>
      <c r="D11" s="110"/>
      <c r="E11" s="140" t="s">
        <v>1</v>
      </c>
      <c r="F11" s="141"/>
      <c r="G11" s="155" t="s">
        <v>1</v>
      </c>
      <c r="H11" s="155"/>
      <c r="I11" s="155"/>
      <c r="J11" s="156" t="s">
        <v>1</v>
      </c>
      <c r="K11" s="156"/>
      <c r="L11" s="156"/>
      <c r="M11" s="57" t="s">
        <v>1</v>
      </c>
      <c r="N11" s="99" t="s">
        <v>1</v>
      </c>
      <c r="O11" s="99"/>
      <c r="P11" s="107"/>
      <c r="Q11" s="156" t="s">
        <v>1</v>
      </c>
      <c r="R11" s="156"/>
      <c r="S11" s="156"/>
      <c r="T11" s="79"/>
      <c r="U11" s="99" t="s">
        <v>1</v>
      </c>
      <c r="V11" s="99"/>
      <c r="W11" s="107"/>
      <c r="X11" s="31" t="s">
        <v>1</v>
      </c>
      <c r="Y11" s="52" t="s">
        <v>1</v>
      </c>
      <c r="Z11" s="20"/>
      <c r="AA11" s="20"/>
      <c r="AB11" s="20"/>
    </row>
    <row r="12" spans="1:28" customFormat="1" ht="29.1" hidden="1" customHeight="1">
      <c r="A12" s="63" t="s">
        <v>1</v>
      </c>
      <c r="B12" s="51" t="s">
        <v>1</v>
      </c>
      <c r="C12" s="109" t="s">
        <v>1</v>
      </c>
      <c r="D12" s="110"/>
      <c r="E12" s="140" t="s">
        <v>1</v>
      </c>
      <c r="F12" s="141"/>
      <c r="G12" s="155" t="s">
        <v>1</v>
      </c>
      <c r="H12" s="155"/>
      <c r="I12" s="155"/>
      <c r="J12" s="156" t="s">
        <v>1</v>
      </c>
      <c r="K12" s="156"/>
      <c r="L12" s="156"/>
      <c r="M12" s="57" t="s">
        <v>1</v>
      </c>
      <c r="N12" s="99" t="s">
        <v>1</v>
      </c>
      <c r="O12" s="99"/>
      <c r="P12" s="107"/>
      <c r="Q12" s="156" t="s">
        <v>1</v>
      </c>
      <c r="R12" s="156"/>
      <c r="S12" s="156"/>
      <c r="T12" s="58"/>
      <c r="U12" s="99" t="s">
        <v>1</v>
      </c>
      <c r="V12" s="99"/>
      <c r="W12" s="107"/>
      <c r="X12" s="31" t="s">
        <v>1</v>
      </c>
      <c r="Y12" s="52" t="s">
        <v>1</v>
      </c>
      <c r="Z12" s="20"/>
      <c r="AA12" s="20"/>
      <c r="AB12" s="20"/>
    </row>
    <row r="13" spans="1:28" customFormat="1" ht="29.1" hidden="1" customHeight="1">
      <c r="A13" s="63" t="s">
        <v>1</v>
      </c>
      <c r="B13" s="51" t="s">
        <v>1</v>
      </c>
      <c r="C13" s="109" t="s">
        <v>1</v>
      </c>
      <c r="D13" s="110"/>
      <c r="E13" s="140" t="s">
        <v>1</v>
      </c>
      <c r="F13" s="141"/>
      <c r="G13" s="155" t="s">
        <v>1</v>
      </c>
      <c r="H13" s="155"/>
      <c r="I13" s="155"/>
      <c r="J13" s="156" t="s">
        <v>1</v>
      </c>
      <c r="K13" s="156"/>
      <c r="L13" s="156"/>
      <c r="M13" s="57" t="s">
        <v>1</v>
      </c>
      <c r="N13" s="99" t="s">
        <v>1</v>
      </c>
      <c r="O13" s="99"/>
      <c r="P13" s="107"/>
      <c r="Q13" s="156" t="s">
        <v>1</v>
      </c>
      <c r="R13" s="156"/>
      <c r="S13" s="156"/>
      <c r="T13" s="58"/>
      <c r="U13" s="99" t="s">
        <v>1</v>
      </c>
      <c r="V13" s="99"/>
      <c r="W13" s="107"/>
      <c r="X13" s="31" t="s">
        <v>1</v>
      </c>
      <c r="Y13" s="52" t="s">
        <v>1</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58"/>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hidden="1" customHeight="1">
      <c r="A23" s="158" t="s">
        <v>9</v>
      </c>
      <c r="B23" s="159"/>
      <c r="C23" s="159"/>
      <c r="D23" s="159"/>
      <c r="E23" s="159"/>
      <c r="F23" s="159"/>
      <c r="G23" s="160" t="s">
        <v>333</v>
      </c>
      <c r="H23" s="160"/>
      <c r="I23" s="160"/>
      <c r="J23" s="157" t="s">
        <v>334</v>
      </c>
      <c r="K23" s="157"/>
      <c r="L23" s="157"/>
      <c r="M23" s="59" t="s">
        <v>1</v>
      </c>
      <c r="N23" s="119" t="s">
        <v>334</v>
      </c>
      <c r="O23" s="119"/>
      <c r="P23" s="120"/>
      <c r="Q23" s="157" t="s">
        <v>29</v>
      </c>
      <c r="R23" s="157"/>
      <c r="S23" s="157"/>
      <c r="T23" s="60"/>
      <c r="U23" s="119" t="s">
        <v>29</v>
      </c>
      <c r="V23" s="119"/>
      <c r="W23" s="120"/>
      <c r="X23" s="61" t="s">
        <v>39</v>
      </c>
      <c r="Y23" s="62" t="s">
        <v>335</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342</v>
      </c>
      <c r="C29" s="102"/>
      <c r="D29" s="103" t="s">
        <v>1</v>
      </c>
      <c r="E29" s="104"/>
      <c r="F29" s="105" t="s">
        <v>1</v>
      </c>
      <c r="G29" s="106"/>
      <c r="H29" s="65" t="s">
        <v>1</v>
      </c>
      <c r="I29" s="125" t="s">
        <v>333</v>
      </c>
      <c r="J29" s="129"/>
      <c r="K29" s="55" t="s">
        <v>1</v>
      </c>
      <c r="L29" s="125" t="s">
        <v>334</v>
      </c>
      <c r="M29" s="125"/>
      <c r="N29" s="129"/>
      <c r="O29" s="55" t="s">
        <v>1</v>
      </c>
      <c r="P29" s="125" t="s">
        <v>29</v>
      </c>
      <c r="Q29" s="129"/>
      <c r="R29" s="55" t="s">
        <v>1</v>
      </c>
      <c r="S29" s="125" t="s">
        <v>335</v>
      </c>
      <c r="T29" s="125"/>
      <c r="U29" s="129"/>
      <c r="V29" s="55" t="s">
        <v>1</v>
      </c>
      <c r="W29" s="125" t="s">
        <v>335</v>
      </c>
      <c r="X29" s="125"/>
      <c r="Y29" s="126"/>
      <c r="Z29" s="4"/>
    </row>
    <row r="30" spans="1:28" customFormat="1" ht="28.5" customHeight="1">
      <c r="A30" s="64" t="s">
        <v>1</v>
      </c>
      <c r="B30" s="101" t="s">
        <v>1</v>
      </c>
      <c r="C30" s="102"/>
      <c r="D30" s="109" t="s">
        <v>25</v>
      </c>
      <c r="E30" s="110"/>
      <c r="F30" s="111" t="s">
        <v>156</v>
      </c>
      <c r="G30" s="112"/>
      <c r="H30" s="36" t="s">
        <v>1</v>
      </c>
      <c r="I30" s="99" t="s">
        <v>339</v>
      </c>
      <c r="J30" s="107"/>
      <c r="K30" s="31" t="s">
        <v>1</v>
      </c>
      <c r="L30" s="99" t="s">
        <v>340</v>
      </c>
      <c r="M30" s="99"/>
      <c r="N30" s="107"/>
      <c r="O30" s="31" t="s">
        <v>1</v>
      </c>
      <c r="P30" s="99" t="s">
        <v>29</v>
      </c>
      <c r="Q30" s="107"/>
      <c r="R30" s="31" t="s">
        <v>1</v>
      </c>
      <c r="S30" s="99" t="s">
        <v>341</v>
      </c>
      <c r="T30" s="99"/>
      <c r="U30" s="107"/>
      <c r="V30" s="31" t="s">
        <v>1</v>
      </c>
      <c r="W30" s="99" t="s">
        <v>341</v>
      </c>
      <c r="X30" s="99"/>
      <c r="Y30" s="100"/>
      <c r="Z30" s="4"/>
    </row>
    <row r="31" spans="1:28" customFormat="1" ht="28.5" customHeight="1">
      <c r="A31" s="64" t="s">
        <v>1</v>
      </c>
      <c r="B31" s="101" t="s">
        <v>1</v>
      </c>
      <c r="C31" s="102"/>
      <c r="D31" s="109" t="s">
        <v>35</v>
      </c>
      <c r="E31" s="110"/>
      <c r="F31" s="111" t="s">
        <v>65</v>
      </c>
      <c r="G31" s="112"/>
      <c r="H31" s="36" t="s">
        <v>1</v>
      </c>
      <c r="I31" s="99" t="s">
        <v>336</v>
      </c>
      <c r="J31" s="107"/>
      <c r="K31" s="31" t="s">
        <v>1</v>
      </c>
      <c r="L31" s="99" t="s">
        <v>337</v>
      </c>
      <c r="M31" s="99"/>
      <c r="N31" s="107"/>
      <c r="O31" s="31" t="s">
        <v>1</v>
      </c>
      <c r="P31" s="99" t="s">
        <v>29</v>
      </c>
      <c r="Q31" s="107"/>
      <c r="R31" s="31" t="s">
        <v>1</v>
      </c>
      <c r="S31" s="99" t="s">
        <v>338</v>
      </c>
      <c r="T31" s="99"/>
      <c r="U31" s="107"/>
      <c r="V31" s="31" t="s">
        <v>1</v>
      </c>
      <c r="W31" s="99" t="s">
        <v>338</v>
      </c>
      <c r="X31" s="99"/>
      <c r="Y31" s="100"/>
      <c r="Z31" s="4"/>
    </row>
    <row r="32" spans="1:28" customFormat="1" ht="28.5" hidden="1" customHeight="1">
      <c r="A32" s="64" t="s">
        <v>87</v>
      </c>
      <c r="B32" s="101" t="s">
        <v>1</v>
      </c>
      <c r="C32" s="102"/>
      <c r="D32" s="136" t="s">
        <v>1</v>
      </c>
      <c r="E32" s="137"/>
      <c r="F32" s="138" t="s">
        <v>1</v>
      </c>
      <c r="G32" s="139"/>
      <c r="H32" s="45" t="s">
        <v>1</v>
      </c>
      <c r="I32" s="133" t="s">
        <v>333</v>
      </c>
      <c r="J32" s="134"/>
      <c r="K32" s="46" t="s">
        <v>1</v>
      </c>
      <c r="L32" s="133" t="s">
        <v>334</v>
      </c>
      <c r="M32" s="133"/>
      <c r="N32" s="134"/>
      <c r="O32" s="46" t="s">
        <v>1</v>
      </c>
      <c r="P32" s="133" t="s">
        <v>29</v>
      </c>
      <c r="Q32" s="134"/>
      <c r="R32" s="46" t="s">
        <v>1</v>
      </c>
      <c r="S32" s="133" t="s">
        <v>335</v>
      </c>
      <c r="T32" s="133"/>
      <c r="U32" s="134"/>
      <c r="V32" s="46" t="s">
        <v>1</v>
      </c>
      <c r="W32" s="133" t="s">
        <v>335</v>
      </c>
      <c r="X32" s="133"/>
      <c r="Y32" s="135"/>
      <c r="Z32" s="4"/>
    </row>
    <row r="33" spans="1:26" customFormat="1" ht="28.5" customHeight="1">
      <c r="A33" s="158" t="s">
        <v>4</v>
      </c>
      <c r="B33" s="159"/>
      <c r="C33" s="159"/>
      <c r="D33" s="159"/>
      <c r="E33" s="159"/>
      <c r="F33" s="159"/>
      <c r="G33" s="159"/>
      <c r="H33" s="80" t="s">
        <v>1</v>
      </c>
      <c r="I33" s="119" t="s">
        <v>333</v>
      </c>
      <c r="J33" s="120"/>
      <c r="K33" s="61" t="s">
        <v>1</v>
      </c>
      <c r="L33" s="119" t="s">
        <v>334</v>
      </c>
      <c r="M33" s="119"/>
      <c r="N33" s="120"/>
      <c r="O33" s="61" t="s">
        <v>1</v>
      </c>
      <c r="P33" s="119" t="s">
        <v>29</v>
      </c>
      <c r="Q33" s="120"/>
      <c r="R33" s="61" t="s">
        <v>1</v>
      </c>
      <c r="S33" s="119" t="s">
        <v>335</v>
      </c>
      <c r="T33" s="119"/>
      <c r="U33" s="120"/>
      <c r="V33" s="61" t="s">
        <v>1</v>
      </c>
      <c r="W33" s="119" t="s">
        <v>335</v>
      </c>
      <c r="X33" s="119"/>
      <c r="Y33" s="176"/>
      <c r="Z33" s="4"/>
    </row>
    <row r="34" spans="1:26" customFormat="1" ht="28.5" hidden="1" customHeight="1">
      <c r="A34" s="64" t="s">
        <v>1</v>
      </c>
      <c r="B34" s="101" t="s">
        <v>1</v>
      </c>
      <c r="C34" s="102"/>
      <c r="D34" s="109" t="s">
        <v>1</v>
      </c>
      <c r="E34" s="110"/>
      <c r="F34" s="111" t="s">
        <v>5</v>
      </c>
      <c r="G34" s="112"/>
      <c r="H34" s="36" t="s">
        <v>1</v>
      </c>
      <c r="I34" s="99" t="s">
        <v>1</v>
      </c>
      <c r="J34" s="107"/>
      <c r="K34" s="31" t="s">
        <v>1</v>
      </c>
      <c r="L34" s="99" t="s">
        <v>70</v>
      </c>
      <c r="M34" s="99"/>
      <c r="N34" s="107"/>
      <c r="O34" s="31" t="s">
        <v>1</v>
      </c>
      <c r="P34" s="99" t="s">
        <v>1</v>
      </c>
      <c r="Q34" s="107"/>
      <c r="R34" s="31" t="s">
        <v>1</v>
      </c>
      <c r="S34" s="99" t="s">
        <v>1</v>
      </c>
      <c r="T34" s="99"/>
      <c r="U34" s="107"/>
      <c r="V34" s="31" t="s">
        <v>1</v>
      </c>
      <c r="W34" s="99" t="s">
        <v>1</v>
      </c>
      <c r="X34" s="99"/>
      <c r="Y34" s="100"/>
      <c r="Z34" s="4"/>
    </row>
    <row r="35" spans="1:26" customFormat="1" ht="28.5" hidden="1" customHeight="1">
      <c r="A35" s="64" t="s">
        <v>1</v>
      </c>
      <c r="B35" s="101" t="s">
        <v>1</v>
      </c>
      <c r="C35" s="102"/>
      <c r="D35" s="109" t="s">
        <v>1</v>
      </c>
      <c r="E35" s="110"/>
      <c r="F35" s="111" t="s">
        <v>88</v>
      </c>
      <c r="G35" s="112"/>
      <c r="H35" s="36" t="s">
        <v>1</v>
      </c>
      <c r="I35" s="99" t="s">
        <v>1</v>
      </c>
      <c r="J35" s="107"/>
      <c r="K35" s="31" t="s">
        <v>1</v>
      </c>
      <c r="L35" s="99" t="s">
        <v>70</v>
      </c>
      <c r="M35" s="99"/>
      <c r="N35" s="107"/>
      <c r="O35" s="31" t="s">
        <v>1</v>
      </c>
      <c r="P35" s="99" t="s">
        <v>1</v>
      </c>
      <c r="Q35" s="107"/>
      <c r="R35" s="31" t="s">
        <v>1</v>
      </c>
      <c r="S35" s="99" t="s">
        <v>1</v>
      </c>
      <c r="T35" s="99"/>
      <c r="U35" s="107"/>
      <c r="V35" s="31" t="s">
        <v>1</v>
      </c>
      <c r="W35" s="99" t="s">
        <v>1</v>
      </c>
      <c r="X35" s="99"/>
      <c r="Y35" s="100"/>
      <c r="Z35" s="4"/>
    </row>
    <row r="36" spans="1:26" customFormat="1" ht="28.5" hidden="1" customHeight="1">
      <c r="A36" s="64" t="s">
        <v>1</v>
      </c>
      <c r="B36" s="101" t="s">
        <v>1</v>
      </c>
      <c r="C36" s="102"/>
      <c r="D36" s="109" t="s">
        <v>1</v>
      </c>
      <c r="E36" s="110"/>
      <c r="F36" s="111" t="s">
        <v>1</v>
      </c>
      <c r="G36" s="112"/>
      <c r="H36" s="36" t="s">
        <v>1</v>
      </c>
      <c r="I36" s="99" t="s">
        <v>1</v>
      </c>
      <c r="J36" s="107"/>
      <c r="K36" s="31" t="s">
        <v>1</v>
      </c>
      <c r="L36" s="99" t="s">
        <v>1</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89</v>
      </c>
      <c r="G37" s="112"/>
      <c r="H37" s="36" t="s">
        <v>1</v>
      </c>
      <c r="I37" s="99" t="s">
        <v>1</v>
      </c>
      <c r="J37" s="107"/>
      <c r="K37" s="31" t="s">
        <v>1</v>
      </c>
      <c r="L37" s="99" t="s">
        <v>1</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1</v>
      </c>
      <c r="G38" s="112"/>
      <c r="H38" s="36" t="s">
        <v>1</v>
      </c>
      <c r="I38" s="99" t="s">
        <v>1</v>
      </c>
      <c r="J38" s="107"/>
      <c r="K38" s="31" t="s">
        <v>1</v>
      </c>
      <c r="L38" s="99" t="s">
        <v>1</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1</v>
      </c>
      <c r="G39" s="112"/>
      <c r="H39" s="36" t="s">
        <v>1</v>
      </c>
      <c r="I39" s="99" t="s">
        <v>1</v>
      </c>
      <c r="J39" s="107"/>
      <c r="K39" s="31" t="s">
        <v>1</v>
      </c>
      <c r="L39" s="99" t="s">
        <v>7</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1</v>
      </c>
      <c r="G40" s="112"/>
      <c r="H40" s="36" t="s">
        <v>1</v>
      </c>
      <c r="I40" s="99" t="s">
        <v>1</v>
      </c>
      <c r="J40" s="107"/>
      <c r="K40" s="31" t="s">
        <v>1</v>
      </c>
      <c r="L40" s="99" t="s">
        <v>1</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1</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1</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hidden="1" customHeight="1">
      <c r="A45" s="158" t="s">
        <v>4</v>
      </c>
      <c r="B45" s="159"/>
      <c r="C45" s="159"/>
      <c r="D45" s="159"/>
      <c r="E45" s="159"/>
      <c r="F45" s="159"/>
      <c r="G45" s="159"/>
      <c r="H45" s="66" t="s">
        <v>1</v>
      </c>
      <c r="I45" s="119" t="s">
        <v>333</v>
      </c>
      <c r="J45" s="120"/>
      <c r="K45" s="61" t="s">
        <v>1</v>
      </c>
      <c r="L45" s="119" t="s">
        <v>334</v>
      </c>
      <c r="M45" s="119"/>
      <c r="N45" s="120"/>
      <c r="O45" s="61" t="s">
        <v>1</v>
      </c>
      <c r="P45" s="119" t="s">
        <v>29</v>
      </c>
      <c r="Q45" s="120"/>
      <c r="R45" s="61" t="s">
        <v>1</v>
      </c>
      <c r="S45" s="119" t="s">
        <v>335</v>
      </c>
      <c r="T45" s="119"/>
      <c r="U45" s="120"/>
      <c r="V45" s="61" t="s">
        <v>1</v>
      </c>
      <c r="W45" s="119" t="s">
        <v>335</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70</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B34:C34"/>
    <mergeCell ref="D34:E34"/>
    <mergeCell ref="F34:G34"/>
    <mergeCell ref="I34:J34"/>
    <mergeCell ref="L34:N34"/>
    <mergeCell ref="P34:Q34"/>
    <mergeCell ref="S34:U34"/>
    <mergeCell ref="W34:Y34"/>
    <mergeCell ref="I33:J33"/>
    <mergeCell ref="L33:N33"/>
    <mergeCell ref="P33:Q33"/>
    <mergeCell ref="A33:G33"/>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G10:I10"/>
    <mergeCell ref="J10:L10"/>
    <mergeCell ref="N10:P10"/>
    <mergeCell ref="Q10:S10"/>
    <mergeCell ref="U10:W10"/>
    <mergeCell ref="C9:D9"/>
    <mergeCell ref="E9:F9"/>
    <mergeCell ref="G9:I9"/>
    <mergeCell ref="J9:L9"/>
    <mergeCell ref="N9:P9"/>
    <mergeCell ref="Q9:S9"/>
    <mergeCell ref="A10:F10"/>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dimension ref="A1:AB243"/>
  <sheetViews>
    <sheetView showGridLines="0" view="pageBreakPreview" topLeftCell="A29" zoomScale="115" zoomScaleNormal="100" zoomScaleSheetLayoutView="11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343</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344</v>
      </c>
      <c r="C6" s="109" t="s">
        <v>1</v>
      </c>
      <c r="D6" s="110"/>
      <c r="E6" s="187" t="s">
        <v>1</v>
      </c>
      <c r="F6" s="188"/>
      <c r="G6" s="189" t="s">
        <v>345</v>
      </c>
      <c r="H6" s="189"/>
      <c r="I6" s="189"/>
      <c r="J6" s="175" t="s">
        <v>346</v>
      </c>
      <c r="K6" s="175"/>
      <c r="L6" s="175"/>
      <c r="M6" s="53" t="s">
        <v>1</v>
      </c>
      <c r="N6" s="125" t="s">
        <v>347</v>
      </c>
      <c r="O6" s="125"/>
      <c r="P6" s="129"/>
      <c r="Q6" s="175" t="s">
        <v>29</v>
      </c>
      <c r="R6" s="175"/>
      <c r="S6" s="175"/>
      <c r="T6" s="54"/>
      <c r="U6" s="125" t="s">
        <v>348</v>
      </c>
      <c r="V6" s="125"/>
      <c r="W6" s="129"/>
      <c r="X6" s="55" t="s">
        <v>39</v>
      </c>
      <c r="Y6" s="56" t="s">
        <v>349</v>
      </c>
      <c r="Z6" s="20"/>
      <c r="AA6" s="14"/>
      <c r="AB6" s="20"/>
    </row>
    <row r="7" spans="1:28" customFormat="1" ht="29.1" customHeight="1">
      <c r="A7" s="63" t="s">
        <v>1</v>
      </c>
      <c r="B7" s="51" t="s">
        <v>1</v>
      </c>
      <c r="C7" s="109" t="s">
        <v>25</v>
      </c>
      <c r="D7" s="110"/>
      <c r="E7" s="140" t="s">
        <v>31</v>
      </c>
      <c r="F7" s="141"/>
      <c r="G7" s="155" t="s">
        <v>350</v>
      </c>
      <c r="H7" s="155"/>
      <c r="I7" s="155"/>
      <c r="J7" s="156" t="s">
        <v>351</v>
      </c>
      <c r="K7" s="156"/>
      <c r="L7" s="156"/>
      <c r="M7" s="57" t="s">
        <v>1</v>
      </c>
      <c r="N7" s="99" t="s">
        <v>352</v>
      </c>
      <c r="O7" s="99"/>
      <c r="P7" s="107"/>
      <c r="Q7" s="156" t="s">
        <v>29</v>
      </c>
      <c r="R7" s="156"/>
      <c r="S7" s="156"/>
      <c r="T7" s="58"/>
      <c r="U7" s="99" t="s">
        <v>353</v>
      </c>
      <c r="V7" s="99"/>
      <c r="W7" s="107"/>
      <c r="X7" s="31" t="s">
        <v>39</v>
      </c>
      <c r="Y7" s="52" t="s">
        <v>354</v>
      </c>
      <c r="Z7" s="20"/>
      <c r="AA7" s="20"/>
      <c r="AB7" s="20"/>
    </row>
    <row r="8" spans="1:28" customFormat="1" ht="29.1" customHeight="1">
      <c r="A8" s="63" t="s">
        <v>1</v>
      </c>
      <c r="B8" s="51" t="s">
        <v>1</v>
      </c>
      <c r="C8" s="109" t="s">
        <v>35</v>
      </c>
      <c r="D8" s="110"/>
      <c r="E8" s="140" t="s">
        <v>36</v>
      </c>
      <c r="F8" s="141"/>
      <c r="G8" s="155" t="s">
        <v>355</v>
      </c>
      <c r="H8" s="155"/>
      <c r="I8" s="155"/>
      <c r="J8" s="156" t="s">
        <v>356</v>
      </c>
      <c r="K8" s="156"/>
      <c r="L8" s="156"/>
      <c r="M8" s="57" t="s">
        <v>1</v>
      </c>
      <c r="N8" s="99" t="s">
        <v>356</v>
      </c>
      <c r="O8" s="99"/>
      <c r="P8" s="107"/>
      <c r="Q8" s="156" t="s">
        <v>29</v>
      </c>
      <c r="R8" s="156"/>
      <c r="S8" s="156"/>
      <c r="T8" s="58"/>
      <c r="U8" s="99" t="s">
        <v>29</v>
      </c>
      <c r="V8" s="99"/>
      <c r="W8" s="107"/>
      <c r="X8" s="31" t="s">
        <v>39</v>
      </c>
      <c r="Y8" s="52" t="s">
        <v>357</v>
      </c>
      <c r="Z8" s="20"/>
      <c r="AA8" s="20"/>
      <c r="AB8" s="20"/>
    </row>
    <row r="9" spans="1:28" customFormat="1" ht="29.1" customHeight="1">
      <c r="A9" s="63" t="s">
        <v>1</v>
      </c>
      <c r="B9" s="51" t="s">
        <v>1</v>
      </c>
      <c r="C9" s="109" t="s">
        <v>41</v>
      </c>
      <c r="D9" s="110"/>
      <c r="E9" s="140" t="s">
        <v>42</v>
      </c>
      <c r="F9" s="141"/>
      <c r="G9" s="155" t="s">
        <v>358</v>
      </c>
      <c r="H9" s="155"/>
      <c r="I9" s="155"/>
      <c r="J9" s="156" t="s">
        <v>359</v>
      </c>
      <c r="K9" s="156"/>
      <c r="L9" s="156"/>
      <c r="M9" s="57" t="s">
        <v>1</v>
      </c>
      <c r="N9" s="99" t="s">
        <v>359</v>
      </c>
      <c r="O9" s="99"/>
      <c r="P9" s="107"/>
      <c r="Q9" s="156" t="s">
        <v>29</v>
      </c>
      <c r="R9" s="156"/>
      <c r="S9" s="156"/>
      <c r="T9" s="58"/>
      <c r="U9" s="99" t="s">
        <v>29</v>
      </c>
      <c r="V9" s="99"/>
      <c r="W9" s="107"/>
      <c r="X9" s="31" t="s">
        <v>1</v>
      </c>
      <c r="Y9" s="52" t="s">
        <v>360</v>
      </c>
      <c r="Z9" s="20"/>
      <c r="AA9" s="20"/>
      <c r="AB9" s="20"/>
    </row>
    <row r="10" spans="1:28" customFormat="1" ht="29.1" customHeight="1">
      <c r="A10" s="63" t="s">
        <v>1</v>
      </c>
      <c r="B10" s="51" t="s">
        <v>1</v>
      </c>
      <c r="C10" s="109" t="s">
        <v>46</v>
      </c>
      <c r="D10" s="110"/>
      <c r="E10" s="140" t="s">
        <v>47</v>
      </c>
      <c r="F10" s="141"/>
      <c r="G10" s="155" t="s">
        <v>361</v>
      </c>
      <c r="H10" s="155"/>
      <c r="I10" s="155"/>
      <c r="J10" s="156" t="s">
        <v>362</v>
      </c>
      <c r="K10" s="156"/>
      <c r="L10" s="156"/>
      <c r="M10" s="57" t="s">
        <v>1</v>
      </c>
      <c r="N10" s="99" t="s">
        <v>363</v>
      </c>
      <c r="O10" s="99"/>
      <c r="P10" s="107"/>
      <c r="Q10" s="156" t="s">
        <v>29</v>
      </c>
      <c r="R10" s="156"/>
      <c r="S10" s="156"/>
      <c r="T10" s="58"/>
      <c r="U10" s="99" t="s">
        <v>364</v>
      </c>
      <c r="V10" s="99"/>
      <c r="W10" s="107"/>
      <c r="X10" s="31" t="s">
        <v>1</v>
      </c>
      <c r="Y10" s="52" t="s">
        <v>365</v>
      </c>
      <c r="Z10" s="20"/>
      <c r="AA10" s="20"/>
      <c r="AB10" s="20"/>
    </row>
    <row r="11" spans="1:28" customFormat="1" ht="29.1" customHeight="1">
      <c r="A11" s="63" t="s">
        <v>1</v>
      </c>
      <c r="B11" s="51" t="s">
        <v>1</v>
      </c>
      <c r="C11" s="136" t="s">
        <v>129</v>
      </c>
      <c r="D11" s="137"/>
      <c r="E11" s="165" t="s">
        <v>84</v>
      </c>
      <c r="F11" s="166"/>
      <c r="G11" s="167" t="s">
        <v>366</v>
      </c>
      <c r="H11" s="167"/>
      <c r="I11" s="167"/>
      <c r="J11" s="168" t="s">
        <v>367</v>
      </c>
      <c r="K11" s="168"/>
      <c r="L11" s="168"/>
      <c r="M11" s="68" t="s">
        <v>1</v>
      </c>
      <c r="N11" s="133" t="s">
        <v>367</v>
      </c>
      <c r="O11" s="133"/>
      <c r="P11" s="134"/>
      <c r="Q11" s="168" t="s">
        <v>29</v>
      </c>
      <c r="R11" s="168"/>
      <c r="S11" s="168"/>
      <c r="T11" s="69"/>
      <c r="U11" s="133" t="s">
        <v>29</v>
      </c>
      <c r="V11" s="133"/>
      <c r="W11" s="134"/>
      <c r="X11" s="46" t="s">
        <v>39</v>
      </c>
      <c r="Y11" s="76" t="s">
        <v>368</v>
      </c>
      <c r="Z11" s="20"/>
      <c r="AA11" s="20"/>
      <c r="AB11" s="20"/>
    </row>
    <row r="12" spans="1:28" customFormat="1" ht="29.1" customHeight="1">
      <c r="A12" s="158" t="s">
        <v>9</v>
      </c>
      <c r="B12" s="159"/>
      <c r="C12" s="159"/>
      <c r="D12" s="159"/>
      <c r="E12" s="159"/>
      <c r="F12" s="159"/>
      <c r="G12" s="160" t="s">
        <v>345</v>
      </c>
      <c r="H12" s="160"/>
      <c r="I12" s="160"/>
      <c r="J12" s="157" t="s">
        <v>346</v>
      </c>
      <c r="K12" s="157"/>
      <c r="L12" s="157"/>
      <c r="M12" s="59" t="s">
        <v>1</v>
      </c>
      <c r="N12" s="119" t="s">
        <v>347</v>
      </c>
      <c r="O12" s="119"/>
      <c r="P12" s="120"/>
      <c r="Q12" s="157" t="s">
        <v>29</v>
      </c>
      <c r="R12" s="157"/>
      <c r="S12" s="157"/>
      <c r="T12" s="60"/>
      <c r="U12" s="119" t="s">
        <v>348</v>
      </c>
      <c r="V12" s="119"/>
      <c r="W12" s="120"/>
      <c r="X12" s="97" t="s">
        <v>39</v>
      </c>
      <c r="Y12" s="96" t="s">
        <v>349</v>
      </c>
      <c r="Z12" s="20"/>
      <c r="AA12" s="20"/>
      <c r="AB12" s="20"/>
    </row>
    <row r="13" spans="1:28" customFormat="1" ht="29.1" hidden="1" customHeight="1">
      <c r="A13" s="63" t="s">
        <v>1</v>
      </c>
      <c r="B13" s="51" t="s">
        <v>1</v>
      </c>
      <c r="C13" s="109" t="s">
        <v>1</v>
      </c>
      <c r="D13" s="110"/>
      <c r="E13" s="140" t="s">
        <v>1</v>
      </c>
      <c r="F13" s="141"/>
      <c r="G13" s="155" t="s">
        <v>1</v>
      </c>
      <c r="H13" s="155"/>
      <c r="I13" s="155"/>
      <c r="J13" s="156" t="s">
        <v>1</v>
      </c>
      <c r="K13" s="156"/>
      <c r="L13" s="156"/>
      <c r="M13" s="57" t="s">
        <v>1</v>
      </c>
      <c r="N13" s="99" t="s">
        <v>1</v>
      </c>
      <c r="O13" s="99"/>
      <c r="P13" s="107"/>
      <c r="Q13" s="156" t="s">
        <v>1</v>
      </c>
      <c r="R13" s="156"/>
      <c r="S13" s="156"/>
      <c r="T13" s="79"/>
      <c r="U13" s="99" t="s">
        <v>1</v>
      </c>
      <c r="V13" s="99"/>
      <c r="W13" s="107"/>
      <c r="X13" s="31" t="s">
        <v>1</v>
      </c>
      <c r="Y13" s="52" t="s">
        <v>1</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58"/>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hidden="1" customHeight="1">
      <c r="A23" s="158" t="s">
        <v>9</v>
      </c>
      <c r="B23" s="159"/>
      <c r="C23" s="159"/>
      <c r="D23" s="159"/>
      <c r="E23" s="159"/>
      <c r="F23" s="159"/>
      <c r="G23" s="160" t="s">
        <v>1</v>
      </c>
      <c r="H23" s="160"/>
      <c r="I23" s="160"/>
      <c r="J23" s="157" t="s">
        <v>1</v>
      </c>
      <c r="K23" s="157"/>
      <c r="L23" s="157"/>
      <c r="M23" s="59" t="s">
        <v>1</v>
      </c>
      <c r="N23" s="119" t="s">
        <v>1</v>
      </c>
      <c r="O23" s="119"/>
      <c r="P23" s="120"/>
      <c r="Q23" s="157" t="s">
        <v>1</v>
      </c>
      <c r="R23" s="157"/>
      <c r="S23" s="157"/>
      <c r="T23" s="60"/>
      <c r="U23" s="119" t="s">
        <v>1</v>
      </c>
      <c r="V23" s="119"/>
      <c r="W23" s="120"/>
      <c r="X23" s="61" t="s">
        <v>1</v>
      </c>
      <c r="Y23" s="62" t="s">
        <v>1</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369</v>
      </c>
      <c r="C29" s="102"/>
      <c r="D29" s="103" t="s">
        <v>1</v>
      </c>
      <c r="E29" s="104"/>
      <c r="F29" s="105" t="s">
        <v>1</v>
      </c>
      <c r="G29" s="106"/>
      <c r="H29" s="65" t="s">
        <v>1</v>
      </c>
      <c r="I29" s="125" t="s">
        <v>345</v>
      </c>
      <c r="J29" s="129"/>
      <c r="K29" s="55" t="s">
        <v>1</v>
      </c>
      <c r="L29" s="125" t="s">
        <v>370</v>
      </c>
      <c r="M29" s="125"/>
      <c r="N29" s="129"/>
      <c r="O29" s="55" t="s">
        <v>1</v>
      </c>
      <c r="P29" s="125" t="s">
        <v>29</v>
      </c>
      <c r="Q29" s="129"/>
      <c r="R29" s="55" t="s">
        <v>1</v>
      </c>
      <c r="S29" s="125" t="s">
        <v>371</v>
      </c>
      <c r="T29" s="125"/>
      <c r="U29" s="129"/>
      <c r="V29" s="55" t="s">
        <v>1</v>
      </c>
      <c r="W29" s="125" t="s">
        <v>371</v>
      </c>
      <c r="X29" s="125"/>
      <c r="Y29" s="126"/>
      <c r="Z29" s="4"/>
    </row>
    <row r="30" spans="1:28" customFormat="1" ht="28.5" customHeight="1">
      <c r="A30" s="64" t="s">
        <v>1</v>
      </c>
      <c r="B30" s="101" t="s">
        <v>1</v>
      </c>
      <c r="C30" s="102"/>
      <c r="D30" s="109" t="s">
        <v>25</v>
      </c>
      <c r="E30" s="110"/>
      <c r="F30" s="111" t="s">
        <v>156</v>
      </c>
      <c r="G30" s="112"/>
      <c r="H30" s="36" t="s">
        <v>1</v>
      </c>
      <c r="I30" s="99" t="s">
        <v>372</v>
      </c>
      <c r="J30" s="107"/>
      <c r="K30" s="31" t="s">
        <v>1</v>
      </c>
      <c r="L30" s="99" t="s">
        <v>373</v>
      </c>
      <c r="M30" s="99"/>
      <c r="N30" s="107"/>
      <c r="O30" s="31" t="s">
        <v>1</v>
      </c>
      <c r="P30" s="99" t="s">
        <v>29</v>
      </c>
      <c r="Q30" s="107"/>
      <c r="R30" s="31" t="s">
        <v>1</v>
      </c>
      <c r="S30" s="99" t="s">
        <v>374</v>
      </c>
      <c r="T30" s="99"/>
      <c r="U30" s="107"/>
      <c r="V30" s="31" t="s">
        <v>1</v>
      </c>
      <c r="W30" s="99" t="s">
        <v>374</v>
      </c>
      <c r="X30" s="99"/>
      <c r="Y30" s="100"/>
      <c r="Z30" s="4"/>
    </row>
    <row r="31" spans="1:28" customFormat="1" ht="28.5" customHeight="1">
      <c r="A31" s="64" t="s">
        <v>1</v>
      </c>
      <c r="B31" s="101" t="s">
        <v>1</v>
      </c>
      <c r="C31" s="102"/>
      <c r="D31" s="109" t="s">
        <v>35</v>
      </c>
      <c r="E31" s="110"/>
      <c r="F31" s="111" t="s">
        <v>375</v>
      </c>
      <c r="G31" s="112"/>
      <c r="H31" s="36" t="s">
        <v>1</v>
      </c>
      <c r="I31" s="99" t="s">
        <v>376</v>
      </c>
      <c r="J31" s="107"/>
      <c r="K31" s="31" t="s">
        <v>1</v>
      </c>
      <c r="L31" s="99" t="s">
        <v>377</v>
      </c>
      <c r="M31" s="99"/>
      <c r="N31" s="107"/>
      <c r="O31" s="31" t="s">
        <v>1</v>
      </c>
      <c r="P31" s="99" t="s">
        <v>29</v>
      </c>
      <c r="Q31" s="107"/>
      <c r="R31" s="31" t="s">
        <v>1</v>
      </c>
      <c r="S31" s="99" t="s">
        <v>378</v>
      </c>
      <c r="T31" s="99"/>
      <c r="U31" s="107"/>
      <c r="V31" s="31" t="s">
        <v>1</v>
      </c>
      <c r="W31" s="99" t="s">
        <v>378</v>
      </c>
      <c r="X31" s="99"/>
      <c r="Y31" s="100"/>
      <c r="Z31" s="4"/>
    </row>
    <row r="32" spans="1:28" customFormat="1" ht="28.5" customHeight="1">
      <c r="A32" s="64" t="s">
        <v>1</v>
      </c>
      <c r="B32" s="101" t="s">
        <v>1</v>
      </c>
      <c r="C32" s="102"/>
      <c r="D32" s="109" t="s">
        <v>41</v>
      </c>
      <c r="E32" s="110"/>
      <c r="F32" s="111" t="s">
        <v>158</v>
      </c>
      <c r="G32" s="112"/>
      <c r="H32" s="36" t="s">
        <v>1</v>
      </c>
      <c r="I32" s="99" t="s">
        <v>379</v>
      </c>
      <c r="J32" s="107"/>
      <c r="K32" s="31" t="s">
        <v>1</v>
      </c>
      <c r="L32" s="99" t="s">
        <v>380</v>
      </c>
      <c r="M32" s="99"/>
      <c r="N32" s="107"/>
      <c r="O32" s="31" t="s">
        <v>1</v>
      </c>
      <c r="P32" s="99" t="s">
        <v>29</v>
      </c>
      <c r="Q32" s="107"/>
      <c r="R32" s="31" t="s">
        <v>1</v>
      </c>
      <c r="S32" s="99" t="s">
        <v>381</v>
      </c>
      <c r="T32" s="99"/>
      <c r="U32" s="107"/>
      <c r="V32" s="31" t="s">
        <v>1</v>
      </c>
      <c r="W32" s="99" t="s">
        <v>381</v>
      </c>
      <c r="X32" s="99"/>
      <c r="Y32" s="100"/>
      <c r="Z32" s="4"/>
    </row>
    <row r="33" spans="1:26" customFormat="1" ht="28.5" customHeight="1">
      <c r="A33" s="64" t="s">
        <v>1</v>
      </c>
      <c r="B33" s="101" t="s">
        <v>1</v>
      </c>
      <c r="C33" s="102"/>
      <c r="D33" s="109" t="s">
        <v>46</v>
      </c>
      <c r="E33" s="110"/>
      <c r="F33" s="111" t="s">
        <v>95</v>
      </c>
      <c r="G33" s="112"/>
      <c r="H33" s="36" t="s">
        <v>1</v>
      </c>
      <c r="I33" s="99" t="s">
        <v>382</v>
      </c>
      <c r="J33" s="107"/>
      <c r="K33" s="31" t="s">
        <v>1</v>
      </c>
      <c r="L33" s="99" t="s">
        <v>383</v>
      </c>
      <c r="M33" s="99"/>
      <c r="N33" s="107"/>
      <c r="O33" s="31" t="s">
        <v>1</v>
      </c>
      <c r="P33" s="99" t="s">
        <v>29</v>
      </c>
      <c r="Q33" s="107"/>
      <c r="R33" s="31" t="s">
        <v>1</v>
      </c>
      <c r="S33" s="99" t="s">
        <v>384</v>
      </c>
      <c r="T33" s="99"/>
      <c r="U33" s="107"/>
      <c r="V33" s="31" t="s">
        <v>1</v>
      </c>
      <c r="W33" s="99" t="s">
        <v>384</v>
      </c>
      <c r="X33" s="99"/>
      <c r="Y33" s="100"/>
      <c r="Z33" s="4"/>
    </row>
    <row r="34" spans="1:26" customFormat="1" ht="28.5" customHeight="1">
      <c r="A34" s="64" t="s">
        <v>1</v>
      </c>
      <c r="B34" s="101" t="s">
        <v>1</v>
      </c>
      <c r="C34" s="102"/>
      <c r="D34" s="109" t="s">
        <v>129</v>
      </c>
      <c r="E34" s="110"/>
      <c r="F34" s="111" t="s">
        <v>65</v>
      </c>
      <c r="G34" s="112"/>
      <c r="H34" s="36" t="s">
        <v>1</v>
      </c>
      <c r="I34" s="99" t="s">
        <v>385</v>
      </c>
      <c r="J34" s="107"/>
      <c r="K34" s="31" t="s">
        <v>1</v>
      </c>
      <c r="L34" s="99" t="s">
        <v>386</v>
      </c>
      <c r="M34" s="99"/>
      <c r="N34" s="107"/>
      <c r="O34" s="31" t="s">
        <v>1</v>
      </c>
      <c r="P34" s="99" t="s">
        <v>29</v>
      </c>
      <c r="Q34" s="107"/>
      <c r="R34" s="31" t="s">
        <v>1</v>
      </c>
      <c r="S34" s="99" t="s">
        <v>387</v>
      </c>
      <c r="T34" s="99"/>
      <c r="U34" s="107"/>
      <c r="V34" s="31" t="s">
        <v>1</v>
      </c>
      <c r="W34" s="99" t="s">
        <v>387</v>
      </c>
      <c r="X34" s="99"/>
      <c r="Y34" s="100"/>
      <c r="Z34" s="4"/>
    </row>
    <row r="35" spans="1:26" customFormat="1" ht="28.5" hidden="1" customHeight="1">
      <c r="A35" s="64" t="s">
        <v>87</v>
      </c>
      <c r="B35" s="101" t="s">
        <v>1</v>
      </c>
      <c r="C35" s="102"/>
      <c r="D35" s="109" t="s">
        <v>1</v>
      </c>
      <c r="E35" s="110"/>
      <c r="F35" s="111" t="s">
        <v>1</v>
      </c>
      <c r="G35" s="112"/>
      <c r="H35" s="36" t="s">
        <v>1</v>
      </c>
      <c r="I35" s="99" t="s">
        <v>345</v>
      </c>
      <c r="J35" s="107"/>
      <c r="K35" s="31" t="s">
        <v>1</v>
      </c>
      <c r="L35" s="99" t="s">
        <v>370</v>
      </c>
      <c r="M35" s="99"/>
      <c r="N35" s="107"/>
      <c r="O35" s="31" t="s">
        <v>1</v>
      </c>
      <c r="P35" s="99" t="s">
        <v>29</v>
      </c>
      <c r="Q35" s="107"/>
      <c r="R35" s="31" t="s">
        <v>1</v>
      </c>
      <c r="S35" s="99" t="s">
        <v>371</v>
      </c>
      <c r="T35" s="99"/>
      <c r="U35" s="107"/>
      <c r="V35" s="31" t="s">
        <v>1</v>
      </c>
      <c r="W35" s="99" t="s">
        <v>371</v>
      </c>
      <c r="X35" s="99"/>
      <c r="Y35" s="100"/>
      <c r="Z35" s="4"/>
    </row>
    <row r="36" spans="1:26" customFormat="1" ht="28.5" hidden="1" customHeight="1">
      <c r="A36" s="64" t="s">
        <v>1</v>
      </c>
      <c r="B36" s="101" t="s">
        <v>1</v>
      </c>
      <c r="C36" s="102"/>
      <c r="D36" s="109" t="s">
        <v>1</v>
      </c>
      <c r="E36" s="110"/>
      <c r="F36" s="111" t="s">
        <v>1</v>
      </c>
      <c r="G36" s="112"/>
      <c r="H36" s="36" t="s">
        <v>1</v>
      </c>
      <c r="I36" s="99" t="s">
        <v>1</v>
      </c>
      <c r="J36" s="107"/>
      <c r="K36" s="31" t="s">
        <v>1</v>
      </c>
      <c r="L36" s="99" t="s">
        <v>1</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5</v>
      </c>
      <c r="G37" s="112"/>
      <c r="H37" s="36" t="s">
        <v>1</v>
      </c>
      <c r="I37" s="99" t="s">
        <v>1</v>
      </c>
      <c r="J37" s="107"/>
      <c r="K37" s="31" t="s">
        <v>1</v>
      </c>
      <c r="L37" s="99" t="s">
        <v>388</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88</v>
      </c>
      <c r="G38" s="112"/>
      <c r="H38" s="36" t="s">
        <v>1</v>
      </c>
      <c r="I38" s="99" t="s">
        <v>1</v>
      </c>
      <c r="J38" s="107"/>
      <c r="K38" s="31" t="s">
        <v>1</v>
      </c>
      <c r="L38" s="99" t="s">
        <v>70</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1</v>
      </c>
      <c r="G39" s="112"/>
      <c r="H39" s="36" t="s">
        <v>1</v>
      </c>
      <c r="I39" s="99" t="s">
        <v>1</v>
      </c>
      <c r="J39" s="107"/>
      <c r="K39" s="31" t="s">
        <v>1</v>
      </c>
      <c r="L39" s="99" t="s">
        <v>1</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89</v>
      </c>
      <c r="G40" s="112"/>
      <c r="H40" s="36" t="s">
        <v>1</v>
      </c>
      <c r="I40" s="99" t="s">
        <v>1</v>
      </c>
      <c r="J40" s="107"/>
      <c r="K40" s="31" t="s">
        <v>1</v>
      </c>
      <c r="L40" s="99" t="s">
        <v>1</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1</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7</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customHeight="1">
      <c r="A45" s="158" t="s">
        <v>4</v>
      </c>
      <c r="B45" s="159"/>
      <c r="C45" s="159"/>
      <c r="D45" s="159"/>
      <c r="E45" s="159"/>
      <c r="F45" s="159"/>
      <c r="G45" s="159"/>
      <c r="H45" s="66" t="s">
        <v>1</v>
      </c>
      <c r="I45" s="119" t="s">
        <v>345</v>
      </c>
      <c r="J45" s="120"/>
      <c r="K45" s="61" t="s">
        <v>1</v>
      </c>
      <c r="L45" s="119" t="s">
        <v>370</v>
      </c>
      <c r="M45" s="119"/>
      <c r="N45" s="120"/>
      <c r="O45" s="61" t="s">
        <v>1</v>
      </c>
      <c r="P45" s="119" t="s">
        <v>29</v>
      </c>
      <c r="Q45" s="120"/>
      <c r="R45" s="61" t="s">
        <v>1</v>
      </c>
      <c r="S45" s="119" t="s">
        <v>371</v>
      </c>
      <c r="T45" s="119"/>
      <c r="U45" s="120"/>
      <c r="V45" s="61" t="s">
        <v>1</v>
      </c>
      <c r="W45" s="119" t="s">
        <v>371</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388</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3">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G12:I12"/>
    <mergeCell ref="J12:L12"/>
    <mergeCell ref="N12:P12"/>
    <mergeCell ref="Q12:S12"/>
    <mergeCell ref="U12:W12"/>
    <mergeCell ref="C11:D11"/>
    <mergeCell ref="E11:F11"/>
    <mergeCell ref="G11:I11"/>
    <mergeCell ref="J11:L11"/>
    <mergeCell ref="N11:P11"/>
    <mergeCell ref="Q11:S11"/>
    <mergeCell ref="A12:F12"/>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dimension ref="A1:AB243"/>
  <sheetViews>
    <sheetView showGridLines="0" view="pageBreakPreview" topLeftCell="A25" zoomScale="115" zoomScaleNormal="100" zoomScaleSheetLayoutView="115" workbookViewId="0">
      <selection activeCell="P50" sqref="P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389</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390</v>
      </c>
      <c r="C6" s="109" t="s">
        <v>1</v>
      </c>
      <c r="D6" s="110"/>
      <c r="E6" s="187" t="s">
        <v>1</v>
      </c>
      <c r="F6" s="188"/>
      <c r="G6" s="189" t="s">
        <v>391</v>
      </c>
      <c r="H6" s="189"/>
      <c r="I6" s="189"/>
      <c r="J6" s="175" t="s">
        <v>392</v>
      </c>
      <c r="K6" s="175"/>
      <c r="L6" s="175"/>
      <c r="M6" s="53" t="s">
        <v>1</v>
      </c>
      <c r="N6" s="125" t="s">
        <v>393</v>
      </c>
      <c r="O6" s="125"/>
      <c r="P6" s="129"/>
      <c r="Q6" s="175" t="s">
        <v>394</v>
      </c>
      <c r="R6" s="175"/>
      <c r="S6" s="175"/>
      <c r="T6" s="54"/>
      <c r="U6" s="125" t="s">
        <v>395</v>
      </c>
      <c r="V6" s="125"/>
      <c r="W6" s="129"/>
      <c r="X6" s="55" t="s">
        <v>39</v>
      </c>
      <c r="Y6" s="56" t="s">
        <v>396</v>
      </c>
      <c r="Z6" s="20"/>
      <c r="AA6" s="14"/>
      <c r="AB6" s="20"/>
    </row>
    <row r="7" spans="1:28" customFormat="1" ht="29.1" customHeight="1">
      <c r="A7" s="63" t="s">
        <v>1</v>
      </c>
      <c r="B7" s="51" t="s">
        <v>1</v>
      </c>
      <c r="C7" s="109" t="s">
        <v>25</v>
      </c>
      <c r="D7" s="110"/>
      <c r="E7" s="140" t="s">
        <v>397</v>
      </c>
      <c r="F7" s="141"/>
      <c r="G7" s="155" t="s">
        <v>398</v>
      </c>
      <c r="H7" s="155"/>
      <c r="I7" s="155"/>
      <c r="J7" s="156" t="s">
        <v>399</v>
      </c>
      <c r="K7" s="156"/>
      <c r="L7" s="156"/>
      <c r="M7" s="57" t="s">
        <v>1</v>
      </c>
      <c r="N7" s="99" t="s">
        <v>400</v>
      </c>
      <c r="O7" s="99"/>
      <c r="P7" s="107"/>
      <c r="Q7" s="156" t="s">
        <v>394</v>
      </c>
      <c r="R7" s="156"/>
      <c r="S7" s="156"/>
      <c r="T7" s="58"/>
      <c r="U7" s="99" t="s">
        <v>401</v>
      </c>
      <c r="V7" s="99"/>
      <c r="W7" s="107"/>
      <c r="X7" s="31" t="s">
        <v>1</v>
      </c>
      <c r="Y7" s="52" t="s">
        <v>402</v>
      </c>
      <c r="Z7" s="20"/>
      <c r="AA7" s="20"/>
      <c r="AB7" s="20"/>
    </row>
    <row r="8" spans="1:28" customFormat="1" ht="29.1" customHeight="1">
      <c r="A8" s="63" t="s">
        <v>1</v>
      </c>
      <c r="B8" s="51" t="s">
        <v>1</v>
      </c>
      <c r="C8" s="109" t="s">
        <v>35</v>
      </c>
      <c r="D8" s="110"/>
      <c r="E8" s="140" t="s">
        <v>403</v>
      </c>
      <c r="F8" s="141"/>
      <c r="G8" s="155" t="s">
        <v>404</v>
      </c>
      <c r="H8" s="155"/>
      <c r="I8" s="155"/>
      <c r="J8" s="156" t="s">
        <v>405</v>
      </c>
      <c r="K8" s="156"/>
      <c r="L8" s="156"/>
      <c r="M8" s="57" t="s">
        <v>1</v>
      </c>
      <c r="N8" s="99" t="s">
        <v>406</v>
      </c>
      <c r="O8" s="99"/>
      <c r="P8" s="107"/>
      <c r="Q8" s="156" t="s">
        <v>29</v>
      </c>
      <c r="R8" s="156"/>
      <c r="S8" s="156"/>
      <c r="T8" s="58"/>
      <c r="U8" s="99" t="s">
        <v>407</v>
      </c>
      <c r="V8" s="99"/>
      <c r="W8" s="107"/>
      <c r="X8" s="31" t="s">
        <v>1</v>
      </c>
      <c r="Y8" s="52" t="s">
        <v>408</v>
      </c>
      <c r="Z8" s="20"/>
      <c r="AA8" s="20"/>
      <c r="AB8" s="20"/>
    </row>
    <row r="9" spans="1:28" customFormat="1" ht="29.1" customHeight="1">
      <c r="A9" s="63" t="s">
        <v>1</v>
      </c>
      <c r="B9" s="51" t="s">
        <v>1</v>
      </c>
      <c r="C9" s="109" t="s">
        <v>41</v>
      </c>
      <c r="D9" s="110"/>
      <c r="E9" s="140" t="s">
        <v>121</v>
      </c>
      <c r="F9" s="141"/>
      <c r="G9" s="155" t="s">
        <v>409</v>
      </c>
      <c r="H9" s="155"/>
      <c r="I9" s="155"/>
      <c r="J9" s="156" t="s">
        <v>410</v>
      </c>
      <c r="K9" s="156"/>
      <c r="L9" s="156"/>
      <c r="M9" s="57" t="s">
        <v>1</v>
      </c>
      <c r="N9" s="99" t="s">
        <v>410</v>
      </c>
      <c r="O9" s="99"/>
      <c r="P9" s="107"/>
      <c r="Q9" s="156" t="s">
        <v>29</v>
      </c>
      <c r="R9" s="156"/>
      <c r="S9" s="156"/>
      <c r="T9" s="58"/>
      <c r="U9" s="99" t="s">
        <v>29</v>
      </c>
      <c r="V9" s="99"/>
      <c r="W9" s="107"/>
      <c r="X9" s="31" t="s">
        <v>39</v>
      </c>
      <c r="Y9" s="52" t="s">
        <v>411</v>
      </c>
      <c r="Z9" s="20"/>
      <c r="AA9" s="20"/>
      <c r="AB9" s="20"/>
    </row>
    <row r="10" spans="1:28" customFormat="1" ht="29.1" customHeight="1">
      <c r="A10" s="63" t="s">
        <v>1</v>
      </c>
      <c r="B10" s="51" t="s">
        <v>1</v>
      </c>
      <c r="C10" s="109" t="s">
        <v>46</v>
      </c>
      <c r="D10" s="110"/>
      <c r="E10" s="140" t="s">
        <v>77</v>
      </c>
      <c r="F10" s="141"/>
      <c r="G10" s="155" t="s">
        <v>412</v>
      </c>
      <c r="H10" s="155"/>
      <c r="I10" s="155"/>
      <c r="J10" s="156" t="s">
        <v>413</v>
      </c>
      <c r="K10" s="156"/>
      <c r="L10" s="156"/>
      <c r="M10" s="57" t="s">
        <v>1</v>
      </c>
      <c r="N10" s="99" t="s">
        <v>414</v>
      </c>
      <c r="O10" s="99"/>
      <c r="P10" s="107"/>
      <c r="Q10" s="156" t="s">
        <v>29</v>
      </c>
      <c r="R10" s="156"/>
      <c r="S10" s="156"/>
      <c r="T10" s="58"/>
      <c r="U10" s="99" t="s">
        <v>415</v>
      </c>
      <c r="V10" s="99"/>
      <c r="W10" s="107"/>
      <c r="X10" s="31" t="s">
        <v>39</v>
      </c>
      <c r="Y10" s="52" t="s">
        <v>416</v>
      </c>
      <c r="Z10" s="20"/>
      <c r="AA10" s="20"/>
      <c r="AB10" s="20"/>
    </row>
    <row r="11" spans="1:28" customFormat="1" ht="29.1" customHeight="1">
      <c r="A11" s="63" t="s">
        <v>1</v>
      </c>
      <c r="B11" s="51" t="s">
        <v>1</v>
      </c>
      <c r="C11" s="109" t="s">
        <v>129</v>
      </c>
      <c r="D11" s="110"/>
      <c r="E11" s="140" t="s">
        <v>36</v>
      </c>
      <c r="F11" s="141"/>
      <c r="G11" s="155" t="s">
        <v>417</v>
      </c>
      <c r="H11" s="155"/>
      <c r="I11" s="155"/>
      <c r="J11" s="156" t="s">
        <v>418</v>
      </c>
      <c r="K11" s="156"/>
      <c r="L11" s="156"/>
      <c r="M11" s="57" t="s">
        <v>1</v>
      </c>
      <c r="N11" s="99" t="s">
        <v>418</v>
      </c>
      <c r="O11" s="99"/>
      <c r="P11" s="107"/>
      <c r="Q11" s="156" t="s">
        <v>29</v>
      </c>
      <c r="R11" s="156"/>
      <c r="S11" s="156"/>
      <c r="T11" s="58"/>
      <c r="U11" s="99" t="s">
        <v>29</v>
      </c>
      <c r="V11" s="99"/>
      <c r="W11" s="107"/>
      <c r="X11" s="31" t="s">
        <v>39</v>
      </c>
      <c r="Y11" s="52" t="s">
        <v>419</v>
      </c>
      <c r="Z11" s="20"/>
      <c r="AA11" s="20"/>
      <c r="AB11" s="20"/>
    </row>
    <row r="12" spans="1:28" customFormat="1" ht="29.1" customHeight="1">
      <c r="A12" s="63" t="s">
        <v>1</v>
      </c>
      <c r="B12" s="51" t="s">
        <v>1</v>
      </c>
      <c r="C12" s="109" t="s">
        <v>316</v>
      </c>
      <c r="D12" s="110"/>
      <c r="E12" s="140" t="s">
        <v>42</v>
      </c>
      <c r="F12" s="141"/>
      <c r="G12" s="155" t="s">
        <v>420</v>
      </c>
      <c r="H12" s="155"/>
      <c r="I12" s="155"/>
      <c r="J12" s="156" t="s">
        <v>421</v>
      </c>
      <c r="K12" s="156"/>
      <c r="L12" s="156"/>
      <c r="M12" s="57" t="s">
        <v>1</v>
      </c>
      <c r="N12" s="99" t="s">
        <v>421</v>
      </c>
      <c r="O12" s="99"/>
      <c r="P12" s="107"/>
      <c r="Q12" s="156" t="s">
        <v>29</v>
      </c>
      <c r="R12" s="156"/>
      <c r="S12" s="156"/>
      <c r="T12" s="58"/>
      <c r="U12" s="99" t="s">
        <v>29</v>
      </c>
      <c r="V12" s="99"/>
      <c r="W12" s="107"/>
      <c r="X12" s="31" t="s">
        <v>1</v>
      </c>
      <c r="Y12" s="52" t="s">
        <v>422</v>
      </c>
      <c r="Z12" s="20"/>
      <c r="AA12" s="20"/>
      <c r="AB12" s="20"/>
    </row>
    <row r="13" spans="1:28" customFormat="1" ht="29.1" customHeight="1">
      <c r="A13" s="63" t="s">
        <v>1</v>
      </c>
      <c r="B13" s="51" t="s">
        <v>1</v>
      </c>
      <c r="C13" s="109" t="s">
        <v>423</v>
      </c>
      <c r="D13" s="110"/>
      <c r="E13" s="140" t="s">
        <v>47</v>
      </c>
      <c r="F13" s="141"/>
      <c r="G13" s="155" t="s">
        <v>424</v>
      </c>
      <c r="H13" s="155"/>
      <c r="I13" s="155"/>
      <c r="J13" s="156" t="s">
        <v>425</v>
      </c>
      <c r="K13" s="156"/>
      <c r="L13" s="156"/>
      <c r="M13" s="57" t="s">
        <v>1</v>
      </c>
      <c r="N13" s="99" t="s">
        <v>426</v>
      </c>
      <c r="O13" s="99"/>
      <c r="P13" s="107"/>
      <c r="Q13" s="156" t="s">
        <v>29</v>
      </c>
      <c r="R13" s="156"/>
      <c r="S13" s="156"/>
      <c r="T13" s="58"/>
      <c r="U13" s="99" t="s">
        <v>427</v>
      </c>
      <c r="V13" s="99"/>
      <c r="W13" s="107"/>
      <c r="X13" s="31" t="s">
        <v>1</v>
      </c>
      <c r="Y13" s="52" t="s">
        <v>428</v>
      </c>
      <c r="Z13" s="20"/>
      <c r="AA13" s="20"/>
      <c r="AB13" s="20"/>
    </row>
    <row r="14" spans="1:28" customFormat="1" ht="29.1" customHeight="1">
      <c r="A14" s="63" t="s">
        <v>1</v>
      </c>
      <c r="B14" s="51" t="s">
        <v>1</v>
      </c>
      <c r="C14" s="109" t="s">
        <v>429</v>
      </c>
      <c r="D14" s="110"/>
      <c r="E14" s="140" t="s">
        <v>84</v>
      </c>
      <c r="F14" s="141"/>
      <c r="G14" s="155" t="s">
        <v>430</v>
      </c>
      <c r="H14" s="155"/>
      <c r="I14" s="155"/>
      <c r="J14" s="156" t="s">
        <v>431</v>
      </c>
      <c r="K14" s="156"/>
      <c r="L14" s="156"/>
      <c r="M14" s="57" t="s">
        <v>1</v>
      </c>
      <c r="N14" s="99" t="s">
        <v>431</v>
      </c>
      <c r="O14" s="99"/>
      <c r="P14" s="107"/>
      <c r="Q14" s="156" t="s">
        <v>29</v>
      </c>
      <c r="R14" s="156"/>
      <c r="S14" s="156"/>
      <c r="T14" s="58"/>
      <c r="U14" s="99" t="s">
        <v>29</v>
      </c>
      <c r="V14" s="99"/>
      <c r="W14" s="107"/>
      <c r="X14" s="31" t="s">
        <v>39</v>
      </c>
      <c r="Y14" s="52" t="s">
        <v>432</v>
      </c>
      <c r="Z14" s="20"/>
      <c r="AA14" s="20"/>
      <c r="AB14" s="20"/>
    </row>
    <row r="15" spans="1:28" customFormat="1" ht="29.1" hidden="1" customHeight="1">
      <c r="A15" s="63" t="s">
        <v>51</v>
      </c>
      <c r="B15" s="51" t="s">
        <v>1</v>
      </c>
      <c r="C15" s="109" t="s">
        <v>1</v>
      </c>
      <c r="D15" s="110"/>
      <c r="E15" s="140" t="s">
        <v>1</v>
      </c>
      <c r="F15" s="141"/>
      <c r="G15" s="155" t="s">
        <v>391</v>
      </c>
      <c r="H15" s="155"/>
      <c r="I15" s="155"/>
      <c r="J15" s="156" t="s">
        <v>392</v>
      </c>
      <c r="K15" s="156"/>
      <c r="L15" s="156"/>
      <c r="M15" s="57" t="s">
        <v>1</v>
      </c>
      <c r="N15" s="99" t="s">
        <v>393</v>
      </c>
      <c r="O15" s="99"/>
      <c r="P15" s="107"/>
      <c r="Q15" s="156" t="s">
        <v>394</v>
      </c>
      <c r="R15" s="156"/>
      <c r="S15" s="156"/>
      <c r="T15" s="58"/>
      <c r="U15" s="99" t="s">
        <v>395</v>
      </c>
      <c r="V15" s="99"/>
      <c r="W15" s="107"/>
      <c r="X15" s="31" t="s">
        <v>39</v>
      </c>
      <c r="Y15" s="52" t="s">
        <v>396</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customHeight="1">
      <c r="A23" s="158" t="s">
        <v>9</v>
      </c>
      <c r="B23" s="159"/>
      <c r="C23" s="159"/>
      <c r="D23" s="159"/>
      <c r="E23" s="159"/>
      <c r="F23" s="159"/>
      <c r="G23" s="160" t="s">
        <v>391</v>
      </c>
      <c r="H23" s="160"/>
      <c r="I23" s="160"/>
      <c r="J23" s="157" t="s">
        <v>392</v>
      </c>
      <c r="K23" s="157"/>
      <c r="L23" s="157"/>
      <c r="M23" s="59" t="s">
        <v>1</v>
      </c>
      <c r="N23" s="119" t="s">
        <v>393</v>
      </c>
      <c r="O23" s="119"/>
      <c r="P23" s="120"/>
      <c r="Q23" s="157" t="s">
        <v>394</v>
      </c>
      <c r="R23" s="157"/>
      <c r="S23" s="157"/>
      <c r="T23" s="60"/>
      <c r="U23" s="119" t="s">
        <v>395</v>
      </c>
      <c r="V23" s="119"/>
      <c r="W23" s="120"/>
      <c r="X23" s="61" t="s">
        <v>39</v>
      </c>
      <c r="Y23" s="62" t="s">
        <v>396</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433</v>
      </c>
      <c r="C29" s="102"/>
      <c r="D29" s="103" t="s">
        <v>1</v>
      </c>
      <c r="E29" s="104"/>
      <c r="F29" s="105" t="s">
        <v>1</v>
      </c>
      <c r="G29" s="106"/>
      <c r="H29" s="65" t="s">
        <v>1</v>
      </c>
      <c r="I29" s="125" t="s">
        <v>391</v>
      </c>
      <c r="J29" s="129"/>
      <c r="K29" s="55" t="s">
        <v>1</v>
      </c>
      <c r="L29" s="125" t="s">
        <v>434</v>
      </c>
      <c r="M29" s="125"/>
      <c r="N29" s="129"/>
      <c r="O29" s="55" t="s">
        <v>1</v>
      </c>
      <c r="P29" s="125" t="s">
        <v>435</v>
      </c>
      <c r="Q29" s="129"/>
      <c r="R29" s="55" t="s">
        <v>1</v>
      </c>
      <c r="S29" s="125" t="s">
        <v>436</v>
      </c>
      <c r="T29" s="125"/>
      <c r="U29" s="129"/>
      <c r="V29" s="55" t="s">
        <v>1</v>
      </c>
      <c r="W29" s="125" t="s">
        <v>437</v>
      </c>
      <c r="X29" s="125"/>
      <c r="Y29" s="126"/>
      <c r="Z29" s="4"/>
    </row>
    <row r="30" spans="1:28" customFormat="1" ht="28.5" customHeight="1">
      <c r="A30" s="64" t="s">
        <v>1</v>
      </c>
      <c r="B30" s="101" t="s">
        <v>1</v>
      </c>
      <c r="C30" s="102"/>
      <c r="D30" s="109" t="s">
        <v>25</v>
      </c>
      <c r="E30" s="110"/>
      <c r="F30" s="111" t="s">
        <v>438</v>
      </c>
      <c r="G30" s="112"/>
      <c r="H30" s="36" t="s">
        <v>1</v>
      </c>
      <c r="I30" s="99" t="s">
        <v>439</v>
      </c>
      <c r="J30" s="107"/>
      <c r="K30" s="31" t="s">
        <v>1</v>
      </c>
      <c r="L30" s="99" t="s">
        <v>440</v>
      </c>
      <c r="M30" s="99"/>
      <c r="N30" s="107"/>
      <c r="O30" s="31" t="s">
        <v>1</v>
      </c>
      <c r="P30" s="99" t="s">
        <v>435</v>
      </c>
      <c r="Q30" s="107"/>
      <c r="R30" s="31" t="s">
        <v>1</v>
      </c>
      <c r="S30" s="99" t="s">
        <v>441</v>
      </c>
      <c r="T30" s="99"/>
      <c r="U30" s="107"/>
      <c r="V30" s="31" t="s">
        <v>1</v>
      </c>
      <c r="W30" s="99" t="s">
        <v>442</v>
      </c>
      <c r="X30" s="99"/>
      <c r="Y30" s="100"/>
      <c r="Z30" s="4"/>
    </row>
    <row r="31" spans="1:28" customFormat="1" ht="28.5" customHeight="1">
      <c r="A31" s="64" t="s">
        <v>1</v>
      </c>
      <c r="B31" s="101" t="s">
        <v>1</v>
      </c>
      <c r="C31" s="102"/>
      <c r="D31" s="109" t="s">
        <v>35</v>
      </c>
      <c r="E31" s="110"/>
      <c r="F31" s="111" t="s">
        <v>215</v>
      </c>
      <c r="G31" s="112"/>
      <c r="H31" s="36" t="s">
        <v>1</v>
      </c>
      <c r="I31" s="99" t="s">
        <v>443</v>
      </c>
      <c r="J31" s="107"/>
      <c r="K31" s="31" t="s">
        <v>1</v>
      </c>
      <c r="L31" s="99" t="s">
        <v>443</v>
      </c>
      <c r="M31" s="99"/>
      <c r="N31" s="107"/>
      <c r="O31" s="31" t="s">
        <v>1</v>
      </c>
      <c r="P31" s="99" t="s">
        <v>29</v>
      </c>
      <c r="Q31" s="107"/>
      <c r="R31" s="31" t="s">
        <v>1</v>
      </c>
      <c r="S31" s="99" t="s">
        <v>29</v>
      </c>
      <c r="T31" s="99"/>
      <c r="U31" s="107"/>
      <c r="V31" s="31" t="s">
        <v>1</v>
      </c>
      <c r="W31" s="99" t="s">
        <v>29</v>
      </c>
      <c r="X31" s="99"/>
      <c r="Y31" s="100"/>
      <c r="Z31" s="4"/>
    </row>
    <row r="32" spans="1:28" customFormat="1" ht="28.5" customHeight="1">
      <c r="A32" s="64" t="s">
        <v>1</v>
      </c>
      <c r="B32" s="101" t="s">
        <v>1</v>
      </c>
      <c r="C32" s="102"/>
      <c r="D32" s="109" t="s">
        <v>41</v>
      </c>
      <c r="E32" s="110"/>
      <c r="F32" s="111" t="s">
        <v>65</v>
      </c>
      <c r="G32" s="112"/>
      <c r="H32" s="36" t="s">
        <v>1</v>
      </c>
      <c r="I32" s="99" t="s">
        <v>444</v>
      </c>
      <c r="J32" s="107"/>
      <c r="K32" s="31" t="s">
        <v>1</v>
      </c>
      <c r="L32" s="99" t="s">
        <v>445</v>
      </c>
      <c r="M32" s="99"/>
      <c r="N32" s="107"/>
      <c r="O32" s="31" t="s">
        <v>1</v>
      </c>
      <c r="P32" s="99" t="s">
        <v>29</v>
      </c>
      <c r="Q32" s="107"/>
      <c r="R32" s="31" t="s">
        <v>1</v>
      </c>
      <c r="S32" s="99" t="s">
        <v>446</v>
      </c>
      <c r="T32" s="99"/>
      <c r="U32" s="107"/>
      <c r="V32" s="31" t="s">
        <v>1</v>
      </c>
      <c r="W32" s="99" t="s">
        <v>446</v>
      </c>
      <c r="X32" s="99"/>
      <c r="Y32" s="100"/>
      <c r="Z32" s="4"/>
    </row>
    <row r="33" spans="1:26" customFormat="1" ht="28.5" customHeight="1">
      <c r="A33" s="64" t="s">
        <v>1</v>
      </c>
      <c r="B33" s="101" t="s">
        <v>1</v>
      </c>
      <c r="C33" s="102"/>
      <c r="D33" s="109" t="s">
        <v>46</v>
      </c>
      <c r="E33" s="110"/>
      <c r="F33" s="111" t="s">
        <v>162</v>
      </c>
      <c r="G33" s="112"/>
      <c r="H33" s="36" t="s">
        <v>1</v>
      </c>
      <c r="I33" s="99" t="s">
        <v>447</v>
      </c>
      <c r="J33" s="107"/>
      <c r="K33" s="31" t="s">
        <v>1</v>
      </c>
      <c r="L33" s="99" t="s">
        <v>29</v>
      </c>
      <c r="M33" s="99"/>
      <c r="N33" s="107"/>
      <c r="O33" s="31" t="s">
        <v>1</v>
      </c>
      <c r="P33" s="99" t="s">
        <v>29</v>
      </c>
      <c r="Q33" s="107"/>
      <c r="R33" s="31" t="s">
        <v>1</v>
      </c>
      <c r="S33" s="99" t="s">
        <v>447</v>
      </c>
      <c r="T33" s="99"/>
      <c r="U33" s="107"/>
      <c r="V33" s="31" t="s">
        <v>1</v>
      </c>
      <c r="W33" s="99" t="s">
        <v>447</v>
      </c>
      <c r="X33" s="99"/>
      <c r="Y33" s="100"/>
      <c r="Z33" s="4"/>
    </row>
    <row r="34" spans="1:26" customFormat="1" ht="28.5" hidden="1" customHeight="1">
      <c r="A34" s="64" t="s">
        <v>87</v>
      </c>
      <c r="B34" s="101" t="s">
        <v>1</v>
      </c>
      <c r="C34" s="102"/>
      <c r="D34" s="109" t="s">
        <v>1</v>
      </c>
      <c r="E34" s="110"/>
      <c r="F34" s="111" t="s">
        <v>1</v>
      </c>
      <c r="G34" s="112"/>
      <c r="H34" s="36" t="s">
        <v>1</v>
      </c>
      <c r="I34" s="99" t="s">
        <v>391</v>
      </c>
      <c r="J34" s="107"/>
      <c r="K34" s="31" t="s">
        <v>1</v>
      </c>
      <c r="L34" s="99" t="s">
        <v>434</v>
      </c>
      <c r="M34" s="99"/>
      <c r="N34" s="107"/>
      <c r="O34" s="31" t="s">
        <v>1</v>
      </c>
      <c r="P34" s="99" t="s">
        <v>435</v>
      </c>
      <c r="Q34" s="107"/>
      <c r="R34" s="31" t="s">
        <v>1</v>
      </c>
      <c r="S34" s="99" t="s">
        <v>436</v>
      </c>
      <c r="T34" s="99"/>
      <c r="U34" s="107"/>
      <c r="V34" s="31" t="s">
        <v>1</v>
      </c>
      <c r="W34" s="99" t="s">
        <v>437</v>
      </c>
      <c r="X34" s="99"/>
      <c r="Y34" s="100"/>
      <c r="Z34" s="4"/>
    </row>
    <row r="35" spans="1:26" customFormat="1" ht="28.5" hidden="1" customHeight="1">
      <c r="A35" s="64" t="s">
        <v>1</v>
      </c>
      <c r="B35" s="101" t="s">
        <v>1</v>
      </c>
      <c r="C35" s="102"/>
      <c r="D35" s="109" t="s">
        <v>1</v>
      </c>
      <c r="E35" s="110"/>
      <c r="F35" s="111" t="s">
        <v>1</v>
      </c>
      <c r="G35" s="112"/>
      <c r="H35" s="36" t="s">
        <v>1</v>
      </c>
      <c r="I35" s="99" t="s">
        <v>1</v>
      </c>
      <c r="J35" s="107"/>
      <c r="K35" s="31" t="s">
        <v>1</v>
      </c>
      <c r="L35" s="99" t="s">
        <v>1</v>
      </c>
      <c r="M35" s="99"/>
      <c r="N35" s="107"/>
      <c r="O35" s="31" t="s">
        <v>1</v>
      </c>
      <c r="P35" s="99" t="s">
        <v>1</v>
      </c>
      <c r="Q35" s="107"/>
      <c r="R35" s="31" t="s">
        <v>1</v>
      </c>
      <c r="S35" s="99" t="s">
        <v>1</v>
      </c>
      <c r="T35" s="99"/>
      <c r="U35" s="107"/>
      <c r="V35" s="31" t="s">
        <v>1</v>
      </c>
      <c r="W35" s="99" t="s">
        <v>1</v>
      </c>
      <c r="X35" s="99"/>
      <c r="Y35" s="100"/>
      <c r="Z35" s="4"/>
    </row>
    <row r="36" spans="1:26" customFormat="1" ht="28.5" hidden="1" customHeight="1">
      <c r="A36" s="64" t="s">
        <v>1</v>
      </c>
      <c r="B36" s="101" t="s">
        <v>1</v>
      </c>
      <c r="C36" s="102"/>
      <c r="D36" s="109" t="s">
        <v>1</v>
      </c>
      <c r="E36" s="110"/>
      <c r="F36" s="111" t="s">
        <v>5</v>
      </c>
      <c r="G36" s="112"/>
      <c r="H36" s="36" t="s">
        <v>1</v>
      </c>
      <c r="I36" s="99" t="s">
        <v>1</v>
      </c>
      <c r="J36" s="107"/>
      <c r="K36" s="31" t="s">
        <v>1</v>
      </c>
      <c r="L36" s="99" t="s">
        <v>448</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88</v>
      </c>
      <c r="G37" s="112"/>
      <c r="H37" s="36" t="s">
        <v>1</v>
      </c>
      <c r="I37" s="99" t="s">
        <v>1</v>
      </c>
      <c r="J37" s="107"/>
      <c r="K37" s="31" t="s">
        <v>1</v>
      </c>
      <c r="L37" s="99" t="s">
        <v>70</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1</v>
      </c>
      <c r="G38" s="112"/>
      <c r="H38" s="36" t="s">
        <v>1</v>
      </c>
      <c r="I38" s="99" t="s">
        <v>1</v>
      </c>
      <c r="J38" s="107"/>
      <c r="K38" s="31" t="s">
        <v>1</v>
      </c>
      <c r="L38" s="99" t="s">
        <v>1</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89</v>
      </c>
      <c r="G39" s="112"/>
      <c r="H39" s="36" t="s">
        <v>1</v>
      </c>
      <c r="I39" s="99" t="s">
        <v>1</v>
      </c>
      <c r="J39" s="107"/>
      <c r="K39" s="31" t="s">
        <v>1</v>
      </c>
      <c r="L39" s="99" t="s">
        <v>1</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1</v>
      </c>
      <c r="G40" s="112"/>
      <c r="H40" s="36" t="s">
        <v>1</v>
      </c>
      <c r="I40" s="99" t="s">
        <v>1</v>
      </c>
      <c r="J40" s="107"/>
      <c r="K40" s="31" t="s">
        <v>1</v>
      </c>
      <c r="L40" s="99" t="s">
        <v>1</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7</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1</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customHeight="1">
      <c r="A45" s="158" t="s">
        <v>4</v>
      </c>
      <c r="B45" s="159"/>
      <c r="C45" s="159"/>
      <c r="D45" s="159"/>
      <c r="E45" s="159"/>
      <c r="F45" s="159"/>
      <c r="G45" s="159"/>
      <c r="H45" s="66" t="s">
        <v>1</v>
      </c>
      <c r="I45" s="119" t="s">
        <v>391</v>
      </c>
      <c r="J45" s="120"/>
      <c r="K45" s="61" t="s">
        <v>1</v>
      </c>
      <c r="L45" s="119" t="s">
        <v>434</v>
      </c>
      <c r="M45" s="119"/>
      <c r="N45" s="120"/>
      <c r="O45" s="61" t="s">
        <v>1</v>
      </c>
      <c r="P45" s="119" t="s">
        <v>435</v>
      </c>
      <c r="Q45" s="120"/>
      <c r="R45" s="61" t="s">
        <v>1</v>
      </c>
      <c r="S45" s="119" t="s">
        <v>436</v>
      </c>
      <c r="T45" s="119"/>
      <c r="U45" s="120"/>
      <c r="V45" s="61" t="s">
        <v>1</v>
      </c>
      <c r="W45" s="119" t="s">
        <v>437</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448</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4">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B243"/>
  <sheetViews>
    <sheetView showGridLines="0" view="pageBreakPreview" topLeftCell="A29" zoomScaleNormal="10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72</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73</v>
      </c>
      <c r="C6" s="109" t="s">
        <v>1</v>
      </c>
      <c r="D6" s="110"/>
      <c r="E6" s="187" t="s">
        <v>1</v>
      </c>
      <c r="F6" s="188"/>
      <c r="G6" s="189" t="s">
        <v>74</v>
      </c>
      <c r="H6" s="189"/>
      <c r="I6" s="189"/>
      <c r="J6" s="175" t="s">
        <v>75</v>
      </c>
      <c r="K6" s="175"/>
      <c r="L6" s="175"/>
      <c r="M6" s="53" t="s">
        <v>1</v>
      </c>
      <c r="N6" s="125" t="s">
        <v>75</v>
      </c>
      <c r="O6" s="125"/>
      <c r="P6" s="129"/>
      <c r="Q6" s="175" t="s">
        <v>29</v>
      </c>
      <c r="R6" s="175"/>
      <c r="S6" s="175"/>
      <c r="T6" s="54"/>
      <c r="U6" s="125" t="s">
        <v>29</v>
      </c>
      <c r="V6" s="125"/>
      <c r="W6" s="129"/>
      <c r="X6" s="55" t="s">
        <v>39</v>
      </c>
      <c r="Y6" s="56" t="s">
        <v>76</v>
      </c>
      <c r="Z6" s="20"/>
      <c r="AA6" s="14"/>
      <c r="AB6" s="20"/>
    </row>
    <row r="7" spans="1:28" s="3" customFormat="1" ht="29.1" customHeight="1">
      <c r="A7" s="29" t="s">
        <v>1</v>
      </c>
      <c r="B7" s="86" t="s">
        <v>1</v>
      </c>
      <c r="C7" s="109" t="s">
        <v>25</v>
      </c>
      <c r="D7" s="110"/>
      <c r="E7" s="140" t="s">
        <v>77</v>
      </c>
      <c r="F7" s="141"/>
      <c r="G7" s="155" t="s">
        <v>78</v>
      </c>
      <c r="H7" s="155"/>
      <c r="I7" s="155"/>
      <c r="J7" s="156" t="s">
        <v>79</v>
      </c>
      <c r="K7" s="156"/>
      <c r="L7" s="156"/>
      <c r="M7" s="57" t="s">
        <v>1</v>
      </c>
      <c r="N7" s="99" t="s">
        <v>79</v>
      </c>
      <c r="O7" s="99"/>
      <c r="P7" s="107"/>
      <c r="Q7" s="156" t="s">
        <v>29</v>
      </c>
      <c r="R7" s="156"/>
      <c r="S7" s="156"/>
      <c r="T7" s="58"/>
      <c r="U7" s="99" t="s">
        <v>29</v>
      </c>
      <c r="V7" s="99"/>
      <c r="W7" s="107"/>
      <c r="X7" s="31" t="s">
        <v>39</v>
      </c>
      <c r="Y7" s="83" t="s">
        <v>80</v>
      </c>
      <c r="Z7" s="13"/>
      <c r="AA7" s="13"/>
      <c r="AB7" s="13"/>
    </row>
    <row r="8" spans="1:28" s="3" customFormat="1" ht="29.1" customHeight="1">
      <c r="A8" s="29" t="s">
        <v>1</v>
      </c>
      <c r="B8" s="86" t="s">
        <v>1</v>
      </c>
      <c r="C8" s="109" t="s">
        <v>35</v>
      </c>
      <c r="D8" s="110"/>
      <c r="E8" s="140" t="s">
        <v>36</v>
      </c>
      <c r="F8" s="141"/>
      <c r="G8" s="155" t="s">
        <v>81</v>
      </c>
      <c r="H8" s="155"/>
      <c r="I8" s="155"/>
      <c r="J8" s="156" t="s">
        <v>82</v>
      </c>
      <c r="K8" s="156"/>
      <c r="L8" s="156"/>
      <c r="M8" s="57" t="s">
        <v>1</v>
      </c>
      <c r="N8" s="99" t="s">
        <v>82</v>
      </c>
      <c r="O8" s="99"/>
      <c r="P8" s="107"/>
      <c r="Q8" s="156" t="s">
        <v>29</v>
      </c>
      <c r="R8" s="156"/>
      <c r="S8" s="156"/>
      <c r="T8" s="58"/>
      <c r="U8" s="99" t="s">
        <v>29</v>
      </c>
      <c r="V8" s="99"/>
      <c r="W8" s="107"/>
      <c r="X8" s="31" t="s">
        <v>39</v>
      </c>
      <c r="Y8" s="83" t="s">
        <v>83</v>
      </c>
      <c r="Z8" s="13"/>
      <c r="AA8" s="13"/>
      <c r="AB8" s="13"/>
    </row>
    <row r="9" spans="1:28" customFormat="1" ht="29.1" customHeight="1">
      <c r="A9" s="63" t="s">
        <v>1</v>
      </c>
      <c r="B9" s="82" t="s">
        <v>1</v>
      </c>
      <c r="C9" s="109" t="s">
        <v>41</v>
      </c>
      <c r="D9" s="110"/>
      <c r="E9" s="140" t="s">
        <v>84</v>
      </c>
      <c r="F9" s="141"/>
      <c r="G9" s="155" t="s">
        <v>85</v>
      </c>
      <c r="H9" s="155"/>
      <c r="I9" s="155"/>
      <c r="J9" s="156" t="s">
        <v>85</v>
      </c>
      <c r="K9" s="156"/>
      <c r="L9" s="156"/>
      <c r="M9" s="57" t="s">
        <v>1</v>
      </c>
      <c r="N9" s="99" t="s">
        <v>85</v>
      </c>
      <c r="O9" s="99"/>
      <c r="P9" s="107"/>
      <c r="Q9" s="156" t="s">
        <v>29</v>
      </c>
      <c r="R9" s="156"/>
      <c r="S9" s="156"/>
      <c r="T9" s="58"/>
      <c r="U9" s="99" t="s">
        <v>29</v>
      </c>
      <c r="V9" s="99"/>
      <c r="W9" s="107"/>
      <c r="X9" s="31" t="s">
        <v>1</v>
      </c>
      <c r="Y9" s="83" t="s">
        <v>29</v>
      </c>
      <c r="Z9" s="20"/>
      <c r="AA9" s="20"/>
      <c r="AB9" s="20"/>
    </row>
    <row r="10" spans="1:28" customFormat="1" ht="29.1" hidden="1" customHeight="1">
      <c r="A10" s="63" t="e">
        <v>#REF!</v>
      </c>
      <c r="B10" s="51" t="e">
        <v>#REF!</v>
      </c>
      <c r="C10" s="109" t="e">
        <v>#REF!</v>
      </c>
      <c r="D10" s="110"/>
      <c r="E10" s="140" t="e">
        <v>#REF!</v>
      </c>
      <c r="F10" s="141"/>
      <c r="G10" s="155" t="e">
        <v>#REF!</v>
      </c>
      <c r="H10" s="155"/>
      <c r="I10" s="155"/>
      <c r="J10" s="156" t="e">
        <v>#REF!</v>
      </c>
      <c r="K10" s="156"/>
      <c r="L10" s="156"/>
      <c r="M10" s="57" t="e">
        <v>#REF!</v>
      </c>
      <c r="N10" s="99" t="e">
        <v>#REF!</v>
      </c>
      <c r="O10" s="99"/>
      <c r="P10" s="107"/>
      <c r="Q10" s="156" t="e">
        <v>#REF!</v>
      </c>
      <c r="R10" s="156"/>
      <c r="S10" s="156"/>
      <c r="T10" s="58"/>
      <c r="U10" s="125" t="s">
        <v>29</v>
      </c>
      <c r="V10" s="125"/>
      <c r="W10" s="129"/>
      <c r="X10" s="31" t="e">
        <v>#REF!</v>
      </c>
      <c r="Y10" s="52" t="e">
        <v>#REF!</v>
      </c>
      <c r="Z10" s="20"/>
      <c r="AA10" s="20"/>
      <c r="AB10" s="20"/>
    </row>
    <row r="11" spans="1:28" customFormat="1" ht="29.1" hidden="1" customHeight="1">
      <c r="A11" s="63" t="e">
        <v>#REF!</v>
      </c>
      <c r="B11" s="51" t="e">
        <v>#REF!</v>
      </c>
      <c r="C11" s="109" t="e">
        <v>#REF!</v>
      </c>
      <c r="D11" s="110"/>
      <c r="E11" s="140" t="e">
        <v>#REF!</v>
      </c>
      <c r="F11" s="141"/>
      <c r="G11" s="155" t="e">
        <v>#REF!</v>
      </c>
      <c r="H11" s="155"/>
      <c r="I11" s="155"/>
      <c r="J11" s="156" t="e">
        <v>#REF!</v>
      </c>
      <c r="K11" s="156"/>
      <c r="L11" s="156"/>
      <c r="M11" s="57" t="e">
        <v>#REF!</v>
      </c>
      <c r="N11" s="99" t="e">
        <v>#REF!</v>
      </c>
      <c r="O11" s="99"/>
      <c r="P11" s="107"/>
      <c r="Q11" s="156" t="e">
        <v>#REF!</v>
      </c>
      <c r="R11" s="156"/>
      <c r="S11" s="156"/>
      <c r="T11" s="58"/>
      <c r="U11" s="125" t="s">
        <v>1</v>
      </c>
      <c r="V11" s="125"/>
      <c r="W11" s="129"/>
      <c r="X11" s="31" t="e">
        <v>#REF!</v>
      </c>
      <c r="Y11" s="52" t="e">
        <v>#REF!</v>
      </c>
      <c r="Z11" s="20"/>
      <c r="AA11" s="20"/>
      <c r="AB11" s="20"/>
    </row>
    <row r="12" spans="1:28" customFormat="1" ht="29.1" hidden="1" customHeight="1">
      <c r="A12" s="63" t="e">
        <v>#REF!</v>
      </c>
      <c r="B12" s="51" t="e">
        <v>#REF!</v>
      </c>
      <c r="C12" s="109" t="e">
        <v>#REF!</v>
      </c>
      <c r="D12" s="110"/>
      <c r="E12" s="140" t="e">
        <v>#REF!</v>
      </c>
      <c r="F12" s="141"/>
      <c r="G12" s="155" t="e">
        <v>#REF!</v>
      </c>
      <c r="H12" s="155"/>
      <c r="I12" s="155"/>
      <c r="J12" s="156" t="e">
        <v>#REF!</v>
      </c>
      <c r="K12" s="156"/>
      <c r="L12" s="156"/>
      <c r="M12" s="57" t="e">
        <v>#REF!</v>
      </c>
      <c r="N12" s="99" t="e">
        <v>#REF!</v>
      </c>
      <c r="O12" s="99"/>
      <c r="P12" s="107"/>
      <c r="Q12" s="156" t="e">
        <v>#REF!</v>
      </c>
      <c r="R12" s="156"/>
      <c r="S12" s="156"/>
      <c r="T12" s="58"/>
      <c r="U12" s="125" t="s">
        <v>1</v>
      </c>
      <c r="V12" s="125"/>
      <c r="W12" s="129"/>
      <c r="X12" s="31" t="e">
        <v>#REF!</v>
      </c>
      <c r="Y12" s="52" t="e">
        <v>#REF!</v>
      </c>
      <c r="Z12" s="20"/>
      <c r="AA12" s="20"/>
      <c r="AB12" s="20"/>
    </row>
    <row r="13" spans="1:28" customFormat="1" ht="29.1" hidden="1" customHeight="1">
      <c r="A13" s="63" t="e">
        <v>#REF!</v>
      </c>
      <c r="B13" s="51" t="e">
        <v>#REF!</v>
      </c>
      <c r="C13" s="109" t="e">
        <v>#REF!</v>
      </c>
      <c r="D13" s="110"/>
      <c r="E13" s="140" t="e">
        <v>#REF!</v>
      </c>
      <c r="F13" s="141"/>
      <c r="G13" s="155" t="e">
        <v>#REF!</v>
      </c>
      <c r="H13" s="155"/>
      <c r="I13" s="155"/>
      <c r="J13" s="156" t="e">
        <v>#REF!</v>
      </c>
      <c r="K13" s="156"/>
      <c r="L13" s="156"/>
      <c r="M13" s="57" t="e">
        <v>#REF!</v>
      </c>
      <c r="N13" s="99" t="e">
        <v>#REF!</v>
      </c>
      <c r="O13" s="99"/>
      <c r="P13" s="107"/>
      <c r="Q13" s="156" t="e">
        <v>#REF!</v>
      </c>
      <c r="R13" s="156"/>
      <c r="S13" s="156"/>
      <c r="T13" s="58"/>
      <c r="U13" s="125" t="s">
        <v>1</v>
      </c>
      <c r="V13" s="125"/>
      <c r="W13" s="129"/>
      <c r="X13" s="31" t="e">
        <v>#REF!</v>
      </c>
      <c r="Y13" s="52" t="e">
        <v>#REF!</v>
      </c>
      <c r="Z13" s="20"/>
      <c r="AA13" s="20"/>
      <c r="AB13" s="20"/>
    </row>
    <row r="14" spans="1:28" customFormat="1" ht="29.1" hidden="1" customHeight="1">
      <c r="A14" s="63" t="e">
        <v>#REF!</v>
      </c>
      <c r="B14" s="51" t="e">
        <v>#REF!</v>
      </c>
      <c r="C14" s="109" t="e">
        <v>#REF!</v>
      </c>
      <c r="D14" s="110"/>
      <c r="E14" s="140" t="e">
        <v>#REF!</v>
      </c>
      <c r="F14" s="141"/>
      <c r="G14" s="155" t="e">
        <v>#REF!</v>
      </c>
      <c r="H14" s="155"/>
      <c r="I14" s="155"/>
      <c r="J14" s="156" t="e">
        <v>#REF!</v>
      </c>
      <c r="K14" s="156"/>
      <c r="L14" s="156"/>
      <c r="M14" s="57" t="e">
        <v>#REF!</v>
      </c>
      <c r="N14" s="99" t="e">
        <v>#REF!</v>
      </c>
      <c r="O14" s="99"/>
      <c r="P14" s="107"/>
      <c r="Q14" s="156" t="e">
        <v>#REF!</v>
      </c>
      <c r="R14" s="156"/>
      <c r="S14" s="156"/>
      <c r="T14" s="58"/>
      <c r="U14" s="125" t="s">
        <v>1</v>
      </c>
      <c r="V14" s="125"/>
      <c r="W14" s="129"/>
      <c r="X14" s="31" t="e">
        <v>#REF!</v>
      </c>
      <c r="Y14" s="52" t="e">
        <v>#REF!</v>
      </c>
      <c r="Z14" s="20"/>
      <c r="AA14" s="20"/>
      <c r="AB14" s="20"/>
    </row>
    <row r="15" spans="1:28" customFormat="1" ht="29.1" hidden="1" customHeight="1">
      <c r="A15" s="63" t="e">
        <v>#REF!</v>
      </c>
      <c r="B15" s="51" t="e">
        <v>#REF!</v>
      </c>
      <c r="C15" s="109" t="e">
        <v>#REF!</v>
      </c>
      <c r="D15" s="110"/>
      <c r="E15" s="140" t="e">
        <v>#REF!</v>
      </c>
      <c r="F15" s="141"/>
      <c r="G15" s="155" t="e">
        <v>#REF!</v>
      </c>
      <c r="H15" s="155"/>
      <c r="I15" s="155"/>
      <c r="J15" s="156" t="e">
        <v>#REF!</v>
      </c>
      <c r="K15" s="156"/>
      <c r="L15" s="156"/>
      <c r="M15" s="57" t="e">
        <v>#REF!</v>
      </c>
      <c r="N15" s="99" t="e">
        <v>#REF!</v>
      </c>
      <c r="O15" s="99"/>
      <c r="P15" s="107"/>
      <c r="Q15" s="156" t="e">
        <v>#REF!</v>
      </c>
      <c r="R15" s="156"/>
      <c r="S15" s="156"/>
      <c r="T15" s="58"/>
      <c r="U15" s="125" t="s">
        <v>1</v>
      </c>
      <c r="V15" s="125"/>
      <c r="W15" s="129"/>
      <c r="X15" s="31" t="e">
        <v>#REF!</v>
      </c>
      <c r="Y15" s="52" t="e">
        <v>#REF!</v>
      </c>
      <c r="Z15" s="20"/>
      <c r="AA15" s="20"/>
      <c r="AB15" s="20"/>
    </row>
    <row r="16" spans="1:28" customFormat="1" ht="29.1" hidden="1" customHeight="1">
      <c r="A16" s="63" t="e">
        <v>#REF!</v>
      </c>
      <c r="B16" s="51" t="e">
        <v>#REF!</v>
      </c>
      <c r="C16" s="109" t="e">
        <v>#REF!</v>
      </c>
      <c r="D16" s="110"/>
      <c r="E16" s="140" t="e">
        <v>#REF!</v>
      </c>
      <c r="F16" s="141"/>
      <c r="G16" s="155" t="e">
        <v>#REF!</v>
      </c>
      <c r="H16" s="155"/>
      <c r="I16" s="155"/>
      <c r="J16" s="156" t="e">
        <v>#REF!</v>
      </c>
      <c r="K16" s="156"/>
      <c r="L16" s="156"/>
      <c r="M16" s="57" t="e">
        <v>#REF!</v>
      </c>
      <c r="N16" s="99" t="e">
        <v>#REF!</v>
      </c>
      <c r="O16" s="99"/>
      <c r="P16" s="107"/>
      <c r="Q16" s="156" t="e">
        <v>#REF!</v>
      </c>
      <c r="R16" s="156"/>
      <c r="S16" s="156"/>
      <c r="T16" s="58"/>
      <c r="U16" s="125" t="s">
        <v>1</v>
      </c>
      <c r="V16" s="125"/>
      <c r="W16" s="129"/>
      <c r="X16" s="31" t="e">
        <v>#REF!</v>
      </c>
      <c r="Y16" s="52" t="e">
        <v>#REF!</v>
      </c>
      <c r="Z16" s="20"/>
      <c r="AA16" s="20"/>
      <c r="AB16" s="20"/>
    </row>
    <row r="17" spans="1:28" customFormat="1" ht="29.1" hidden="1" customHeight="1">
      <c r="A17" s="63" t="e">
        <v>#REF!</v>
      </c>
      <c r="B17" s="51" t="e">
        <v>#REF!</v>
      </c>
      <c r="C17" s="109" t="e">
        <v>#REF!</v>
      </c>
      <c r="D17" s="110"/>
      <c r="E17" s="140" t="e">
        <v>#REF!</v>
      </c>
      <c r="F17" s="141"/>
      <c r="G17" s="155" t="e">
        <v>#REF!</v>
      </c>
      <c r="H17" s="155"/>
      <c r="I17" s="155"/>
      <c r="J17" s="156" t="e">
        <v>#REF!</v>
      </c>
      <c r="K17" s="156"/>
      <c r="L17" s="156"/>
      <c r="M17" s="57" t="e">
        <v>#REF!</v>
      </c>
      <c r="N17" s="99" t="e">
        <v>#REF!</v>
      </c>
      <c r="O17" s="99"/>
      <c r="P17" s="107"/>
      <c r="Q17" s="156" t="e">
        <v>#REF!</v>
      </c>
      <c r="R17" s="156"/>
      <c r="S17" s="156"/>
      <c r="T17" s="58"/>
      <c r="U17" s="125" t="s">
        <v>1</v>
      </c>
      <c r="V17" s="125"/>
      <c r="W17" s="129"/>
      <c r="X17" s="31" t="e">
        <v>#REF!</v>
      </c>
      <c r="Y17" s="52" t="e">
        <v>#REF!</v>
      </c>
      <c r="Z17" s="20"/>
      <c r="AA17" s="20"/>
      <c r="AB17" s="20"/>
    </row>
    <row r="18" spans="1:28" customFormat="1" ht="29.1" hidden="1" customHeight="1">
      <c r="A18" s="63" t="e">
        <v>#REF!</v>
      </c>
      <c r="B18" s="51" t="e">
        <v>#REF!</v>
      </c>
      <c r="C18" s="109" t="e">
        <v>#REF!</v>
      </c>
      <c r="D18" s="110"/>
      <c r="E18" s="140" t="e">
        <v>#REF!</v>
      </c>
      <c r="F18" s="141"/>
      <c r="G18" s="155" t="e">
        <v>#REF!</v>
      </c>
      <c r="H18" s="155"/>
      <c r="I18" s="155"/>
      <c r="J18" s="156" t="e">
        <v>#REF!</v>
      </c>
      <c r="K18" s="156"/>
      <c r="L18" s="156"/>
      <c r="M18" s="57" t="e">
        <v>#REF!</v>
      </c>
      <c r="N18" s="99" t="e">
        <v>#REF!</v>
      </c>
      <c r="O18" s="99"/>
      <c r="P18" s="107"/>
      <c r="Q18" s="156" t="e">
        <v>#REF!</v>
      </c>
      <c r="R18" s="156"/>
      <c r="S18" s="156"/>
      <c r="T18" s="58"/>
      <c r="U18" s="125" t="s">
        <v>1</v>
      </c>
      <c r="V18" s="125"/>
      <c r="W18" s="129"/>
      <c r="X18" s="31" t="e">
        <v>#REF!</v>
      </c>
      <c r="Y18" s="52" t="e">
        <v>#REF!</v>
      </c>
      <c r="Z18" s="20"/>
      <c r="AA18" s="20"/>
      <c r="AB18" s="20"/>
    </row>
    <row r="19" spans="1:28" customFormat="1" ht="29.1" hidden="1" customHeight="1">
      <c r="A19" s="63" t="e">
        <v>#REF!</v>
      </c>
      <c r="B19" s="51" t="e">
        <v>#REF!</v>
      </c>
      <c r="C19" s="109" t="e">
        <v>#REF!</v>
      </c>
      <c r="D19" s="110"/>
      <c r="E19" s="140" t="e">
        <v>#REF!</v>
      </c>
      <c r="F19" s="141"/>
      <c r="G19" s="155" t="e">
        <v>#REF!</v>
      </c>
      <c r="H19" s="155"/>
      <c r="I19" s="155"/>
      <c r="J19" s="156" t="e">
        <v>#REF!</v>
      </c>
      <c r="K19" s="156"/>
      <c r="L19" s="156"/>
      <c r="M19" s="57" t="e">
        <v>#REF!</v>
      </c>
      <c r="N19" s="99" t="e">
        <v>#REF!</v>
      </c>
      <c r="O19" s="99"/>
      <c r="P19" s="107"/>
      <c r="Q19" s="156" t="e">
        <v>#REF!</v>
      </c>
      <c r="R19" s="156"/>
      <c r="S19" s="156"/>
      <c r="T19" s="58"/>
      <c r="U19" s="125" t="s">
        <v>1</v>
      </c>
      <c r="V19" s="125"/>
      <c r="W19" s="129"/>
      <c r="X19" s="31" t="e">
        <v>#REF!</v>
      </c>
      <c r="Y19" s="52" t="e">
        <v>#REF!</v>
      </c>
      <c r="Z19" s="20"/>
      <c r="AA19" s="20"/>
      <c r="AB19" s="20"/>
    </row>
    <row r="20" spans="1:28" customFormat="1" ht="29.1" hidden="1" customHeight="1">
      <c r="A20" s="63" t="e">
        <v>#REF!</v>
      </c>
      <c r="B20" s="51" t="e">
        <v>#REF!</v>
      </c>
      <c r="C20" s="109" t="e">
        <v>#REF!</v>
      </c>
      <c r="D20" s="110"/>
      <c r="E20" s="140" t="e">
        <v>#REF!</v>
      </c>
      <c r="F20" s="141"/>
      <c r="G20" s="155" t="e">
        <v>#REF!</v>
      </c>
      <c r="H20" s="155"/>
      <c r="I20" s="155"/>
      <c r="J20" s="156" t="e">
        <v>#REF!</v>
      </c>
      <c r="K20" s="156"/>
      <c r="L20" s="156"/>
      <c r="M20" s="57" t="e">
        <v>#REF!</v>
      </c>
      <c r="N20" s="99" t="e">
        <v>#REF!</v>
      </c>
      <c r="O20" s="99"/>
      <c r="P20" s="107"/>
      <c r="Q20" s="156" t="e">
        <v>#REF!</v>
      </c>
      <c r="R20" s="156"/>
      <c r="S20" s="156"/>
      <c r="T20" s="58"/>
      <c r="U20" s="125" t="s">
        <v>1</v>
      </c>
      <c r="V20" s="125"/>
      <c r="W20" s="129"/>
      <c r="X20" s="31" t="e">
        <v>#REF!</v>
      </c>
      <c r="Y20" s="52" t="e">
        <v>#REF!</v>
      </c>
      <c r="Z20" s="20"/>
      <c r="AA20" s="20"/>
      <c r="AB20" s="20"/>
    </row>
    <row r="21" spans="1:28" customFormat="1" ht="29.1" hidden="1" customHeight="1">
      <c r="A21" s="63" t="e">
        <v>#REF!</v>
      </c>
      <c r="B21" s="51" t="e">
        <v>#REF!</v>
      </c>
      <c r="C21" s="109" t="e">
        <v>#REF!</v>
      </c>
      <c r="D21" s="110"/>
      <c r="E21" s="140" t="e">
        <v>#REF!</v>
      </c>
      <c r="F21" s="141"/>
      <c r="G21" s="155" t="e">
        <v>#REF!</v>
      </c>
      <c r="H21" s="155"/>
      <c r="I21" s="155"/>
      <c r="J21" s="156" t="e">
        <v>#REF!</v>
      </c>
      <c r="K21" s="156"/>
      <c r="L21" s="156"/>
      <c r="M21" s="57" t="e">
        <v>#REF!</v>
      </c>
      <c r="N21" s="99" t="e">
        <v>#REF!</v>
      </c>
      <c r="O21" s="99"/>
      <c r="P21" s="107"/>
      <c r="Q21" s="156" t="e">
        <v>#REF!</v>
      </c>
      <c r="R21" s="156"/>
      <c r="S21" s="156"/>
      <c r="T21" s="58"/>
      <c r="U21" s="125" t="s">
        <v>1</v>
      </c>
      <c r="V21" s="125"/>
      <c r="W21" s="129"/>
      <c r="X21" s="31" t="e">
        <v>#REF!</v>
      </c>
      <c r="Y21" s="52" t="e">
        <v>#REF!</v>
      </c>
      <c r="Z21" s="20"/>
      <c r="AA21" s="20"/>
      <c r="AB21" s="20"/>
    </row>
    <row r="22" spans="1:28" customFormat="1" ht="29.1" hidden="1" customHeight="1">
      <c r="A22" s="63" t="e">
        <v>#REF!</v>
      </c>
      <c r="B22" s="51" t="e">
        <v>#REF!</v>
      </c>
      <c r="C22" s="136" t="e">
        <v>#REF!</v>
      </c>
      <c r="D22" s="137"/>
      <c r="E22" s="165" t="e">
        <v>#REF!</v>
      </c>
      <c r="F22" s="166"/>
      <c r="G22" s="167" t="e">
        <v>#REF!</v>
      </c>
      <c r="H22" s="167"/>
      <c r="I22" s="167"/>
      <c r="J22" s="168" t="e">
        <v>#REF!</v>
      </c>
      <c r="K22" s="168"/>
      <c r="L22" s="168"/>
      <c r="M22" s="68" t="e">
        <v>#REF!</v>
      </c>
      <c r="N22" s="133" t="e">
        <v>#REF!</v>
      </c>
      <c r="O22" s="133"/>
      <c r="P22" s="134"/>
      <c r="Q22" s="168" t="e">
        <v>#REF!</v>
      </c>
      <c r="R22" s="168"/>
      <c r="S22" s="168"/>
      <c r="T22" s="69"/>
      <c r="U22" s="125" t="s">
        <v>1</v>
      </c>
      <c r="V22" s="125"/>
      <c r="W22" s="129"/>
      <c r="X22" s="46" t="e">
        <v>#REF!</v>
      </c>
      <c r="Y22" s="50" t="e">
        <v>#REF!</v>
      </c>
      <c r="Z22" s="20"/>
      <c r="AA22" s="20"/>
      <c r="AB22" s="20"/>
    </row>
    <row r="23" spans="1:28" customFormat="1" ht="29.1" customHeight="1">
      <c r="A23" s="158" t="s">
        <v>9</v>
      </c>
      <c r="B23" s="159"/>
      <c r="C23" s="159"/>
      <c r="D23" s="159"/>
      <c r="E23" s="159"/>
      <c r="F23" s="159"/>
      <c r="G23" s="160" t="s">
        <v>74</v>
      </c>
      <c r="H23" s="160"/>
      <c r="I23" s="160"/>
      <c r="J23" s="160" t="s">
        <v>75</v>
      </c>
      <c r="K23" s="160"/>
      <c r="L23" s="160"/>
      <c r="M23" s="59" t="s">
        <v>1</v>
      </c>
      <c r="N23" s="119" t="s">
        <v>75</v>
      </c>
      <c r="O23" s="119"/>
      <c r="P23" s="120"/>
      <c r="Q23" s="157" t="s">
        <v>29</v>
      </c>
      <c r="R23" s="157"/>
      <c r="S23" s="157"/>
      <c r="T23" s="60"/>
      <c r="U23" s="119" t="s">
        <v>29</v>
      </c>
      <c r="V23" s="119"/>
      <c r="W23" s="120"/>
      <c r="X23" s="61" t="s">
        <v>39</v>
      </c>
      <c r="Y23" s="62" t="s">
        <v>76</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86</v>
      </c>
      <c r="C29" s="102"/>
      <c r="D29" s="103" t="s">
        <v>1</v>
      </c>
      <c r="E29" s="104"/>
      <c r="F29" s="105" t="s">
        <v>1</v>
      </c>
      <c r="G29" s="106"/>
      <c r="H29" s="65" t="s">
        <v>1</v>
      </c>
      <c r="I29" s="125" t="s">
        <v>74</v>
      </c>
      <c r="J29" s="129"/>
      <c r="K29" s="55" t="s">
        <v>1</v>
      </c>
      <c r="L29" s="125" t="s">
        <v>75</v>
      </c>
      <c r="M29" s="125"/>
      <c r="N29" s="129"/>
      <c r="O29" s="55" t="s">
        <v>1</v>
      </c>
      <c r="P29" s="125" t="s">
        <v>29</v>
      </c>
      <c r="Q29" s="129"/>
      <c r="R29" s="55" t="s">
        <v>1</v>
      </c>
      <c r="S29" s="125" t="s">
        <v>76</v>
      </c>
      <c r="T29" s="125"/>
      <c r="U29" s="129"/>
      <c r="V29" s="55" t="s">
        <v>1</v>
      </c>
      <c r="W29" s="125" t="s">
        <v>76</v>
      </c>
      <c r="X29" s="125"/>
      <c r="Y29" s="126"/>
      <c r="Z29" s="4"/>
    </row>
    <row r="30" spans="1:28" customFormat="1" ht="28.5" customHeight="1">
      <c r="A30" s="64" t="s">
        <v>1</v>
      </c>
      <c r="B30" s="101" t="s">
        <v>1</v>
      </c>
      <c r="C30" s="102"/>
      <c r="D30" s="109" t="s">
        <v>25</v>
      </c>
      <c r="E30" s="110"/>
      <c r="F30" s="111" t="s">
        <v>65</v>
      </c>
      <c r="G30" s="112"/>
      <c r="H30" s="36" t="s">
        <v>1</v>
      </c>
      <c r="I30" s="99" t="s">
        <v>74</v>
      </c>
      <c r="J30" s="107"/>
      <c r="K30" s="31" t="s">
        <v>1</v>
      </c>
      <c r="L30" s="99" t="s">
        <v>75</v>
      </c>
      <c r="M30" s="99"/>
      <c r="N30" s="107"/>
      <c r="O30" s="31" t="s">
        <v>1</v>
      </c>
      <c r="P30" s="99" t="s">
        <v>29</v>
      </c>
      <c r="Q30" s="107"/>
      <c r="R30" s="31" t="s">
        <v>1</v>
      </c>
      <c r="S30" s="99" t="s">
        <v>76</v>
      </c>
      <c r="T30" s="99"/>
      <c r="U30" s="107"/>
      <c r="V30" s="31" t="s">
        <v>1</v>
      </c>
      <c r="W30" s="99" t="s">
        <v>76</v>
      </c>
      <c r="X30" s="99"/>
      <c r="Y30" s="100"/>
      <c r="Z30" s="4"/>
    </row>
    <row r="31" spans="1:28" customFormat="1" ht="28.5" hidden="1" customHeight="1">
      <c r="A31" s="64" t="s">
        <v>87</v>
      </c>
      <c r="B31" s="101" t="s">
        <v>1</v>
      </c>
      <c r="C31" s="102"/>
      <c r="D31" s="109" t="s">
        <v>1</v>
      </c>
      <c r="E31" s="110"/>
      <c r="F31" s="111" t="s">
        <v>1</v>
      </c>
      <c r="G31" s="112"/>
      <c r="H31" s="36" t="s">
        <v>1</v>
      </c>
      <c r="I31" s="99" t="s">
        <v>74</v>
      </c>
      <c r="J31" s="107"/>
      <c r="K31" s="31" t="s">
        <v>1</v>
      </c>
      <c r="L31" s="99" t="s">
        <v>75</v>
      </c>
      <c r="M31" s="99"/>
      <c r="N31" s="107"/>
      <c r="O31" s="31" t="s">
        <v>1</v>
      </c>
      <c r="P31" s="99" t="s">
        <v>29</v>
      </c>
      <c r="Q31" s="107"/>
      <c r="R31" s="31" t="s">
        <v>1</v>
      </c>
      <c r="S31" s="99" t="s">
        <v>76</v>
      </c>
      <c r="T31" s="99"/>
      <c r="U31" s="107"/>
      <c r="V31" s="31" t="s">
        <v>1</v>
      </c>
      <c r="W31" s="99" t="s">
        <v>76</v>
      </c>
      <c r="X31" s="99"/>
      <c r="Y31" s="100"/>
      <c r="Z31" s="4"/>
    </row>
    <row r="32" spans="1:28" customFormat="1" ht="28.5" hidden="1" customHeight="1">
      <c r="A32" s="64" t="s">
        <v>1</v>
      </c>
      <c r="B32" s="101" t="s">
        <v>1</v>
      </c>
      <c r="C32" s="102"/>
      <c r="D32" s="109" t="s">
        <v>1</v>
      </c>
      <c r="E32" s="110"/>
      <c r="F32" s="111" t="s">
        <v>1</v>
      </c>
      <c r="G32" s="112"/>
      <c r="H32" s="36" t="s">
        <v>1</v>
      </c>
      <c r="I32" s="99" t="s">
        <v>1</v>
      </c>
      <c r="J32" s="107"/>
      <c r="K32" s="31" t="s">
        <v>1</v>
      </c>
      <c r="L32" s="99" t="s">
        <v>1</v>
      </c>
      <c r="M32" s="99"/>
      <c r="N32" s="107"/>
      <c r="O32" s="31" t="s">
        <v>1</v>
      </c>
      <c r="P32" s="99" t="s">
        <v>1</v>
      </c>
      <c r="Q32" s="107"/>
      <c r="R32" s="31" t="s">
        <v>1</v>
      </c>
      <c r="S32" s="99" t="s">
        <v>1</v>
      </c>
      <c r="T32" s="99"/>
      <c r="U32" s="107"/>
      <c r="V32" s="31" t="s">
        <v>1</v>
      </c>
      <c r="W32" s="99" t="s">
        <v>1</v>
      </c>
      <c r="X32" s="99"/>
      <c r="Y32" s="100"/>
      <c r="Z32" s="4"/>
    </row>
    <row r="33" spans="1:26" customFormat="1" ht="28.5" hidden="1" customHeight="1">
      <c r="A33" s="64" t="s">
        <v>1</v>
      </c>
      <c r="B33" s="101" t="s">
        <v>1</v>
      </c>
      <c r="C33" s="102"/>
      <c r="D33" s="109" t="s">
        <v>1</v>
      </c>
      <c r="E33" s="110"/>
      <c r="F33" s="111" t="s">
        <v>5</v>
      </c>
      <c r="G33" s="112"/>
      <c r="H33" s="36" t="s">
        <v>1</v>
      </c>
      <c r="I33" s="99" t="s">
        <v>1</v>
      </c>
      <c r="J33" s="107"/>
      <c r="K33" s="31" t="s">
        <v>1</v>
      </c>
      <c r="L33" s="99" t="s">
        <v>70</v>
      </c>
      <c r="M33" s="99"/>
      <c r="N33" s="107"/>
      <c r="O33" s="31" t="s">
        <v>1</v>
      </c>
      <c r="P33" s="99" t="s">
        <v>1</v>
      </c>
      <c r="Q33" s="107"/>
      <c r="R33" s="31" t="s">
        <v>1</v>
      </c>
      <c r="S33" s="99" t="s">
        <v>1</v>
      </c>
      <c r="T33" s="99"/>
      <c r="U33" s="107"/>
      <c r="V33" s="31" t="s">
        <v>1</v>
      </c>
      <c r="W33" s="99" t="s">
        <v>1</v>
      </c>
      <c r="X33" s="99"/>
      <c r="Y33" s="100"/>
      <c r="Z33" s="4"/>
    </row>
    <row r="34" spans="1:26" customFormat="1" ht="28.5" hidden="1" customHeight="1">
      <c r="A34" s="64" t="s">
        <v>1</v>
      </c>
      <c r="B34" s="101" t="s">
        <v>1</v>
      </c>
      <c r="C34" s="102"/>
      <c r="D34" s="109" t="s">
        <v>1</v>
      </c>
      <c r="E34" s="110"/>
      <c r="F34" s="111" t="s">
        <v>88</v>
      </c>
      <c r="G34" s="112"/>
      <c r="H34" s="36" t="s">
        <v>1</v>
      </c>
      <c r="I34" s="99" t="s">
        <v>1</v>
      </c>
      <c r="J34" s="107"/>
      <c r="K34" s="31" t="s">
        <v>1</v>
      </c>
      <c r="L34" s="99" t="s">
        <v>70</v>
      </c>
      <c r="M34" s="99"/>
      <c r="N34" s="107"/>
      <c r="O34" s="31" t="s">
        <v>1</v>
      </c>
      <c r="P34" s="99" t="s">
        <v>1</v>
      </c>
      <c r="Q34" s="107"/>
      <c r="R34" s="31" t="s">
        <v>1</v>
      </c>
      <c r="S34" s="99" t="s">
        <v>1</v>
      </c>
      <c r="T34" s="99"/>
      <c r="U34" s="107"/>
      <c r="V34" s="31" t="s">
        <v>1</v>
      </c>
      <c r="W34" s="99" t="s">
        <v>1</v>
      </c>
      <c r="X34" s="99"/>
      <c r="Y34" s="100"/>
      <c r="Z34" s="4"/>
    </row>
    <row r="35" spans="1:26" customFormat="1" ht="28.5" hidden="1" customHeight="1">
      <c r="A35" s="64" t="s">
        <v>1</v>
      </c>
      <c r="B35" s="101" t="s">
        <v>1</v>
      </c>
      <c r="C35" s="102"/>
      <c r="D35" s="109" t="s">
        <v>1</v>
      </c>
      <c r="E35" s="110"/>
      <c r="F35" s="111" t="s">
        <v>1</v>
      </c>
      <c r="G35" s="112"/>
      <c r="H35" s="36" t="s">
        <v>1</v>
      </c>
      <c r="I35" s="99" t="s">
        <v>1</v>
      </c>
      <c r="J35" s="107"/>
      <c r="K35" s="31" t="s">
        <v>1</v>
      </c>
      <c r="L35" s="99" t="s">
        <v>1</v>
      </c>
      <c r="M35" s="99"/>
      <c r="N35" s="107"/>
      <c r="O35" s="31" t="s">
        <v>1</v>
      </c>
      <c r="P35" s="99" t="s">
        <v>1</v>
      </c>
      <c r="Q35" s="107"/>
      <c r="R35" s="31" t="s">
        <v>1</v>
      </c>
      <c r="S35" s="99" t="s">
        <v>1</v>
      </c>
      <c r="T35" s="99"/>
      <c r="U35" s="107"/>
      <c r="V35" s="31" t="s">
        <v>1</v>
      </c>
      <c r="W35" s="99" t="s">
        <v>1</v>
      </c>
      <c r="X35" s="99"/>
      <c r="Y35" s="100"/>
      <c r="Z35" s="4"/>
    </row>
    <row r="36" spans="1:26" customFormat="1" ht="28.5" hidden="1" customHeight="1">
      <c r="A36" s="64" t="s">
        <v>1</v>
      </c>
      <c r="B36" s="101" t="s">
        <v>1</v>
      </c>
      <c r="C36" s="102"/>
      <c r="D36" s="109" t="s">
        <v>1</v>
      </c>
      <c r="E36" s="110"/>
      <c r="F36" s="111" t="s">
        <v>89</v>
      </c>
      <c r="G36" s="112"/>
      <c r="H36" s="36" t="s">
        <v>1</v>
      </c>
      <c r="I36" s="99" t="s">
        <v>1</v>
      </c>
      <c r="J36" s="107"/>
      <c r="K36" s="31" t="s">
        <v>1</v>
      </c>
      <c r="L36" s="99" t="s">
        <v>1</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1</v>
      </c>
      <c r="G37" s="112"/>
      <c r="H37" s="36" t="s">
        <v>1</v>
      </c>
      <c r="I37" s="99" t="s">
        <v>1</v>
      </c>
      <c r="J37" s="107"/>
      <c r="K37" s="31" t="s">
        <v>1</v>
      </c>
      <c r="L37" s="99" t="s">
        <v>1</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1</v>
      </c>
      <c r="G38" s="112"/>
      <c r="H38" s="36" t="s">
        <v>1</v>
      </c>
      <c r="I38" s="99" t="s">
        <v>1</v>
      </c>
      <c r="J38" s="107"/>
      <c r="K38" s="31" t="s">
        <v>1</v>
      </c>
      <c r="L38" s="99" t="s">
        <v>7</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1</v>
      </c>
      <c r="G39" s="112"/>
      <c r="H39" s="36" t="s">
        <v>1</v>
      </c>
      <c r="I39" s="99" t="s">
        <v>1</v>
      </c>
      <c r="J39" s="107"/>
      <c r="K39" s="31" t="s">
        <v>1</v>
      </c>
      <c r="L39" s="99" t="s">
        <v>1</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1</v>
      </c>
      <c r="G40" s="112"/>
      <c r="H40" s="36" t="s">
        <v>1</v>
      </c>
      <c r="I40" s="99" t="s">
        <v>1</v>
      </c>
      <c r="J40" s="107"/>
      <c r="K40" s="31" t="s">
        <v>1</v>
      </c>
      <c r="L40" s="99" t="s">
        <v>1</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1</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1</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customHeight="1">
      <c r="A45" s="158" t="s">
        <v>4</v>
      </c>
      <c r="B45" s="159"/>
      <c r="C45" s="159"/>
      <c r="D45" s="159"/>
      <c r="E45" s="159"/>
      <c r="F45" s="159"/>
      <c r="G45" s="159"/>
      <c r="H45" s="66" t="s">
        <v>1</v>
      </c>
      <c r="I45" s="119" t="s">
        <v>74</v>
      </c>
      <c r="J45" s="120"/>
      <c r="K45" s="61" t="s">
        <v>1</v>
      </c>
      <c r="L45" s="119" t="s">
        <v>75</v>
      </c>
      <c r="M45" s="119"/>
      <c r="N45" s="120"/>
      <c r="O45" s="61" t="s">
        <v>1</v>
      </c>
      <c r="P45" s="119" t="s">
        <v>29</v>
      </c>
      <c r="Q45" s="120"/>
      <c r="R45" s="61" t="s">
        <v>1</v>
      </c>
      <c r="S45" s="119" t="s">
        <v>76</v>
      </c>
      <c r="T45" s="119"/>
      <c r="U45" s="120"/>
      <c r="V45" s="61" t="s">
        <v>1</v>
      </c>
      <c r="W45" s="119" t="s">
        <v>76</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70</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4">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AB243"/>
  <sheetViews>
    <sheetView showGridLines="0" view="pageBreakPreview" topLeftCell="A8" zoomScaleNormal="10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90</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91</v>
      </c>
      <c r="C6" s="109" t="s">
        <v>1</v>
      </c>
      <c r="D6" s="110"/>
      <c r="E6" s="187" t="s">
        <v>1</v>
      </c>
      <c r="F6" s="188"/>
      <c r="G6" s="189" t="s">
        <v>92</v>
      </c>
      <c r="H6" s="189"/>
      <c r="I6" s="189"/>
      <c r="J6" s="175" t="s">
        <v>92</v>
      </c>
      <c r="K6" s="175"/>
      <c r="L6" s="175"/>
      <c r="M6" s="53" t="s">
        <v>1</v>
      </c>
      <c r="N6" s="125" t="s">
        <v>92</v>
      </c>
      <c r="O6" s="125"/>
      <c r="P6" s="129"/>
      <c r="Q6" s="175" t="s">
        <v>29</v>
      </c>
      <c r="R6" s="175"/>
      <c r="S6" s="175"/>
      <c r="T6" s="54"/>
      <c r="U6" s="125" t="s">
        <v>29</v>
      </c>
      <c r="V6" s="125"/>
      <c r="W6" s="129"/>
      <c r="X6" s="55" t="s">
        <v>1</v>
      </c>
      <c r="Y6" s="56" t="s">
        <v>29</v>
      </c>
      <c r="Z6" s="20"/>
      <c r="AA6" s="14"/>
      <c r="AB6" s="20"/>
    </row>
    <row r="7" spans="1:28" customFormat="1" ht="29.1" customHeight="1">
      <c r="A7" s="63" t="s">
        <v>1</v>
      </c>
      <c r="B7" s="51" t="s">
        <v>1</v>
      </c>
      <c r="C7" s="109" t="s">
        <v>25</v>
      </c>
      <c r="D7" s="110"/>
      <c r="E7" s="140" t="s">
        <v>93</v>
      </c>
      <c r="F7" s="141"/>
      <c r="G7" s="167" t="s">
        <v>92</v>
      </c>
      <c r="H7" s="167"/>
      <c r="I7" s="167"/>
      <c r="J7" s="168" t="s">
        <v>92</v>
      </c>
      <c r="K7" s="168"/>
      <c r="L7" s="168"/>
      <c r="M7" s="68" t="s">
        <v>1</v>
      </c>
      <c r="N7" s="133" t="s">
        <v>92</v>
      </c>
      <c r="O7" s="133"/>
      <c r="P7" s="134"/>
      <c r="Q7" s="168" t="s">
        <v>29</v>
      </c>
      <c r="R7" s="168"/>
      <c r="S7" s="168"/>
      <c r="T7" s="69"/>
      <c r="U7" s="133" t="s">
        <v>29</v>
      </c>
      <c r="V7" s="133"/>
      <c r="W7" s="134"/>
      <c r="X7" s="46" t="s">
        <v>1</v>
      </c>
      <c r="Y7" s="76" t="s">
        <v>29</v>
      </c>
      <c r="Z7" s="20"/>
      <c r="AA7" s="20"/>
      <c r="AB7" s="20"/>
    </row>
    <row r="8" spans="1:28" customFormat="1" ht="29.1" customHeight="1">
      <c r="A8" s="158" t="s">
        <v>9</v>
      </c>
      <c r="B8" s="159"/>
      <c r="C8" s="159"/>
      <c r="D8" s="159"/>
      <c r="E8" s="159"/>
      <c r="F8" s="159"/>
      <c r="G8" s="160" t="s">
        <v>92</v>
      </c>
      <c r="H8" s="160"/>
      <c r="I8" s="160"/>
      <c r="J8" s="157" t="s">
        <v>92</v>
      </c>
      <c r="K8" s="157"/>
      <c r="L8" s="157"/>
      <c r="M8" s="59" t="s">
        <v>1</v>
      </c>
      <c r="N8" s="119" t="s">
        <v>92</v>
      </c>
      <c r="O8" s="119"/>
      <c r="P8" s="120"/>
      <c r="Q8" s="157" t="s">
        <v>29</v>
      </c>
      <c r="R8" s="157"/>
      <c r="S8" s="157"/>
      <c r="T8" s="60"/>
      <c r="U8" s="119" t="s">
        <v>29</v>
      </c>
      <c r="V8" s="119"/>
      <c r="W8" s="120"/>
      <c r="X8" s="61" t="s">
        <v>1</v>
      </c>
      <c r="Y8" s="93" t="s">
        <v>29</v>
      </c>
      <c r="Z8" s="20"/>
      <c r="AA8" s="20"/>
      <c r="AB8" s="20"/>
    </row>
    <row r="9" spans="1:28" customFormat="1" ht="29.1" hidden="1" customHeight="1">
      <c r="A9" s="63" t="s">
        <v>1</v>
      </c>
      <c r="B9" s="51" t="s">
        <v>1</v>
      </c>
      <c r="C9" s="109" t="s">
        <v>1</v>
      </c>
      <c r="D9" s="110"/>
      <c r="E9" s="140" t="s">
        <v>1</v>
      </c>
      <c r="F9" s="141"/>
      <c r="G9" s="155" t="s">
        <v>1</v>
      </c>
      <c r="H9" s="155"/>
      <c r="I9" s="155"/>
      <c r="J9" s="156" t="s">
        <v>1</v>
      </c>
      <c r="K9" s="156"/>
      <c r="L9" s="156"/>
      <c r="M9" s="57" t="s">
        <v>1</v>
      </c>
      <c r="N9" s="99" t="s">
        <v>1</v>
      </c>
      <c r="O9" s="99"/>
      <c r="P9" s="107"/>
      <c r="Q9" s="156" t="s">
        <v>1</v>
      </c>
      <c r="R9" s="156"/>
      <c r="S9" s="156"/>
      <c r="T9" s="79"/>
      <c r="U9" s="99" t="s">
        <v>1</v>
      </c>
      <c r="V9" s="99"/>
      <c r="W9" s="107"/>
      <c r="X9" s="31" t="s">
        <v>1</v>
      </c>
      <c r="Y9" s="52" t="s">
        <v>1</v>
      </c>
      <c r="Z9" s="20"/>
      <c r="AA9" s="20"/>
      <c r="AB9" s="20"/>
    </row>
    <row r="10" spans="1:28" customFormat="1" ht="29.1" hidden="1" customHeight="1">
      <c r="A10" s="63" t="s">
        <v>1</v>
      </c>
      <c r="B10" s="51" t="s">
        <v>1</v>
      </c>
      <c r="C10" s="109" t="s">
        <v>1</v>
      </c>
      <c r="D10" s="110"/>
      <c r="E10" s="140" t="s">
        <v>1</v>
      </c>
      <c r="F10" s="141"/>
      <c r="G10" s="155" t="s">
        <v>1</v>
      </c>
      <c r="H10" s="155"/>
      <c r="I10" s="155"/>
      <c r="J10" s="156" t="s">
        <v>1</v>
      </c>
      <c r="K10" s="156"/>
      <c r="L10" s="156"/>
      <c r="M10" s="57" t="s">
        <v>1</v>
      </c>
      <c r="N10" s="99" t="s">
        <v>1</v>
      </c>
      <c r="O10" s="99"/>
      <c r="P10" s="107"/>
      <c r="Q10" s="156" t="s">
        <v>1</v>
      </c>
      <c r="R10" s="156"/>
      <c r="S10" s="156"/>
      <c r="T10" s="58"/>
      <c r="U10" s="99" t="s">
        <v>1</v>
      </c>
      <c r="V10" s="99"/>
      <c r="W10" s="107"/>
      <c r="X10" s="31" t="s">
        <v>1</v>
      </c>
      <c r="Y10" s="52" t="s">
        <v>1</v>
      </c>
      <c r="Z10" s="20"/>
      <c r="AA10" s="20"/>
      <c r="AB10" s="20"/>
    </row>
    <row r="11" spans="1:28" customFormat="1" ht="29.1" hidden="1" customHeight="1">
      <c r="A11" s="63" t="s">
        <v>1</v>
      </c>
      <c r="B11" s="51" t="s">
        <v>1</v>
      </c>
      <c r="C11" s="109" t="s">
        <v>1</v>
      </c>
      <c r="D11" s="110"/>
      <c r="E11" s="140" t="s">
        <v>1</v>
      </c>
      <c r="F11" s="141"/>
      <c r="G11" s="155" t="s">
        <v>1</v>
      </c>
      <c r="H11" s="155"/>
      <c r="I11" s="155"/>
      <c r="J11" s="156" t="s">
        <v>1</v>
      </c>
      <c r="K11" s="156"/>
      <c r="L11" s="156"/>
      <c r="M11" s="57" t="s">
        <v>1</v>
      </c>
      <c r="N11" s="99" t="s">
        <v>1</v>
      </c>
      <c r="O11" s="99"/>
      <c r="P11" s="107"/>
      <c r="Q11" s="156" t="s">
        <v>1</v>
      </c>
      <c r="R11" s="156"/>
      <c r="S11" s="156"/>
      <c r="T11" s="58"/>
      <c r="U11" s="99" t="s">
        <v>1</v>
      </c>
      <c r="V11" s="99"/>
      <c r="W11" s="107"/>
      <c r="X11" s="31" t="s">
        <v>1</v>
      </c>
      <c r="Y11" s="52" t="s">
        <v>1</v>
      </c>
      <c r="Z11" s="20"/>
      <c r="AA11" s="20"/>
      <c r="AB11" s="20"/>
    </row>
    <row r="12" spans="1:28" customFormat="1" ht="29.1" hidden="1" customHeight="1">
      <c r="A12" s="63" t="s">
        <v>1</v>
      </c>
      <c r="B12" s="51" t="s">
        <v>1</v>
      </c>
      <c r="C12" s="109" t="s">
        <v>1</v>
      </c>
      <c r="D12" s="110"/>
      <c r="E12" s="140" t="s">
        <v>1</v>
      </c>
      <c r="F12" s="141"/>
      <c r="G12" s="155" t="s">
        <v>1</v>
      </c>
      <c r="H12" s="155"/>
      <c r="I12" s="155"/>
      <c r="J12" s="156" t="s">
        <v>1</v>
      </c>
      <c r="K12" s="156"/>
      <c r="L12" s="156"/>
      <c r="M12" s="57" t="s">
        <v>1</v>
      </c>
      <c r="N12" s="99" t="s">
        <v>1</v>
      </c>
      <c r="O12" s="99"/>
      <c r="P12" s="107"/>
      <c r="Q12" s="156" t="s">
        <v>1</v>
      </c>
      <c r="R12" s="156"/>
      <c r="S12" s="156"/>
      <c r="T12" s="58"/>
      <c r="U12" s="99" t="s">
        <v>1</v>
      </c>
      <c r="V12" s="99"/>
      <c r="W12" s="107"/>
      <c r="X12" s="31" t="s">
        <v>1</v>
      </c>
      <c r="Y12" s="52" t="s">
        <v>1</v>
      </c>
      <c r="Z12" s="20"/>
      <c r="AA12" s="20"/>
      <c r="AB12" s="20"/>
    </row>
    <row r="13" spans="1:28" customFormat="1" ht="29.1" hidden="1" customHeight="1">
      <c r="A13" s="63" t="s">
        <v>1</v>
      </c>
      <c r="B13" s="51" t="s">
        <v>1</v>
      </c>
      <c r="C13" s="109" t="s">
        <v>1</v>
      </c>
      <c r="D13" s="110"/>
      <c r="E13" s="140" t="s">
        <v>1</v>
      </c>
      <c r="F13" s="141"/>
      <c r="G13" s="155" t="s">
        <v>1</v>
      </c>
      <c r="H13" s="155"/>
      <c r="I13" s="155"/>
      <c r="J13" s="156" t="s">
        <v>1</v>
      </c>
      <c r="K13" s="156"/>
      <c r="L13" s="156"/>
      <c r="M13" s="57" t="s">
        <v>1</v>
      </c>
      <c r="N13" s="99" t="s">
        <v>1</v>
      </c>
      <c r="O13" s="99"/>
      <c r="P13" s="107"/>
      <c r="Q13" s="156" t="s">
        <v>1</v>
      </c>
      <c r="R13" s="156"/>
      <c r="S13" s="156"/>
      <c r="T13" s="58"/>
      <c r="U13" s="99" t="s">
        <v>1</v>
      </c>
      <c r="V13" s="99"/>
      <c r="W13" s="107"/>
      <c r="X13" s="31" t="s">
        <v>1</v>
      </c>
      <c r="Y13" s="52" t="s">
        <v>1</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58"/>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hidden="1" customHeight="1">
      <c r="A23" s="158" t="s">
        <v>9</v>
      </c>
      <c r="B23" s="159"/>
      <c r="C23" s="159"/>
      <c r="D23" s="159"/>
      <c r="E23" s="159"/>
      <c r="F23" s="159"/>
      <c r="G23" s="160" t="s">
        <v>1</v>
      </c>
      <c r="H23" s="160"/>
      <c r="I23" s="160"/>
      <c r="J23" s="157" t="s">
        <v>1</v>
      </c>
      <c r="K23" s="157"/>
      <c r="L23" s="157"/>
      <c r="M23" s="59" t="s">
        <v>1</v>
      </c>
      <c r="N23" s="119" t="s">
        <v>1</v>
      </c>
      <c r="O23" s="119"/>
      <c r="P23" s="120"/>
      <c r="Q23" s="157" t="s">
        <v>1</v>
      </c>
      <c r="R23" s="157"/>
      <c r="S23" s="157"/>
      <c r="T23" s="60"/>
      <c r="U23" s="119" t="s">
        <v>1</v>
      </c>
      <c r="V23" s="119"/>
      <c r="W23" s="120"/>
      <c r="X23" s="61" t="s">
        <v>1</v>
      </c>
      <c r="Y23" s="78" t="s">
        <v>1</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95" t="s">
        <v>94</v>
      </c>
      <c r="C29" s="196"/>
      <c r="D29" s="103" t="s">
        <v>1</v>
      </c>
      <c r="E29" s="104"/>
      <c r="F29" s="105" t="s">
        <v>1</v>
      </c>
      <c r="G29" s="106"/>
      <c r="H29" s="65" t="s">
        <v>1</v>
      </c>
      <c r="I29" s="125" t="s">
        <v>92</v>
      </c>
      <c r="J29" s="129"/>
      <c r="K29" s="55" t="s">
        <v>1</v>
      </c>
      <c r="L29" s="125" t="s">
        <v>92</v>
      </c>
      <c r="M29" s="125"/>
      <c r="N29" s="129"/>
      <c r="O29" s="55" t="s">
        <v>1</v>
      </c>
      <c r="P29" s="125" t="s">
        <v>29</v>
      </c>
      <c r="Q29" s="129"/>
      <c r="R29" s="55" t="s">
        <v>1</v>
      </c>
      <c r="S29" s="125" t="s">
        <v>29</v>
      </c>
      <c r="T29" s="125"/>
      <c r="U29" s="129"/>
      <c r="V29" s="55" t="s">
        <v>1</v>
      </c>
      <c r="W29" s="125" t="s">
        <v>29</v>
      </c>
      <c r="X29" s="125"/>
      <c r="Y29" s="126"/>
      <c r="Z29" s="4"/>
    </row>
    <row r="30" spans="1:28" customFormat="1" ht="28.5" customHeight="1">
      <c r="A30" s="64" t="s">
        <v>1</v>
      </c>
      <c r="B30" s="101" t="s">
        <v>1</v>
      </c>
      <c r="C30" s="102"/>
      <c r="D30" s="109" t="s">
        <v>25</v>
      </c>
      <c r="E30" s="110"/>
      <c r="F30" s="111" t="s">
        <v>95</v>
      </c>
      <c r="G30" s="112"/>
      <c r="H30" s="98" t="s">
        <v>1</v>
      </c>
      <c r="I30" s="133" t="s">
        <v>92</v>
      </c>
      <c r="J30" s="134"/>
      <c r="K30" s="46" t="s">
        <v>1</v>
      </c>
      <c r="L30" s="133" t="s">
        <v>92</v>
      </c>
      <c r="M30" s="133"/>
      <c r="N30" s="134"/>
      <c r="O30" s="46" t="s">
        <v>1</v>
      </c>
      <c r="P30" s="133" t="s">
        <v>29</v>
      </c>
      <c r="Q30" s="134"/>
      <c r="R30" s="46" t="s">
        <v>1</v>
      </c>
      <c r="S30" s="133" t="s">
        <v>29</v>
      </c>
      <c r="T30" s="133"/>
      <c r="U30" s="134"/>
      <c r="V30" s="46" t="s">
        <v>1</v>
      </c>
      <c r="W30" s="133" t="s">
        <v>29</v>
      </c>
      <c r="X30" s="133"/>
      <c r="Y30" s="135"/>
      <c r="Z30" s="4"/>
    </row>
    <row r="31" spans="1:28" customFormat="1" ht="28.5" customHeight="1">
      <c r="A31" s="158" t="s">
        <v>4</v>
      </c>
      <c r="B31" s="159"/>
      <c r="C31" s="159"/>
      <c r="D31" s="159"/>
      <c r="E31" s="159"/>
      <c r="F31" s="159"/>
      <c r="G31" s="159"/>
      <c r="H31" s="66" t="s">
        <v>1</v>
      </c>
      <c r="I31" s="119" t="s">
        <v>92</v>
      </c>
      <c r="J31" s="120"/>
      <c r="K31" s="61" t="s">
        <v>1</v>
      </c>
      <c r="L31" s="119" t="s">
        <v>92</v>
      </c>
      <c r="M31" s="119"/>
      <c r="N31" s="120"/>
      <c r="O31" s="61" t="s">
        <v>1</v>
      </c>
      <c r="P31" s="119" t="s">
        <v>29</v>
      </c>
      <c r="Q31" s="120"/>
      <c r="R31" s="61" t="s">
        <v>1</v>
      </c>
      <c r="S31" s="119" t="s">
        <v>29</v>
      </c>
      <c r="T31" s="119"/>
      <c r="U31" s="120"/>
      <c r="V31" s="61" t="s">
        <v>1</v>
      </c>
      <c r="W31" s="119" t="s">
        <v>29</v>
      </c>
      <c r="X31" s="119"/>
      <c r="Y31" s="176"/>
      <c r="Z31" s="4"/>
    </row>
    <row r="32" spans="1:28" customFormat="1" ht="28.5" hidden="1" customHeight="1">
      <c r="A32" s="64" t="s">
        <v>1</v>
      </c>
      <c r="B32" s="101" t="s">
        <v>1</v>
      </c>
      <c r="C32" s="102"/>
      <c r="D32" s="109" t="s">
        <v>1</v>
      </c>
      <c r="E32" s="110"/>
      <c r="F32" s="111" t="s">
        <v>1</v>
      </c>
      <c r="G32" s="112"/>
      <c r="H32" s="36" t="s">
        <v>1</v>
      </c>
      <c r="I32" s="99" t="s">
        <v>1</v>
      </c>
      <c r="J32" s="107"/>
      <c r="K32" s="31" t="s">
        <v>1</v>
      </c>
      <c r="L32" s="99" t="s">
        <v>1</v>
      </c>
      <c r="M32" s="99"/>
      <c r="N32" s="107"/>
      <c r="O32" s="31" t="s">
        <v>1</v>
      </c>
      <c r="P32" s="99" t="s">
        <v>1</v>
      </c>
      <c r="Q32" s="107"/>
      <c r="R32" s="31" t="s">
        <v>1</v>
      </c>
      <c r="S32" s="99" t="s">
        <v>1</v>
      </c>
      <c r="T32" s="99"/>
      <c r="U32" s="107"/>
      <c r="V32" s="31" t="s">
        <v>1</v>
      </c>
      <c r="W32" s="99" t="s">
        <v>1</v>
      </c>
      <c r="X32" s="99"/>
      <c r="Y32" s="100"/>
      <c r="Z32" s="4"/>
    </row>
    <row r="33" spans="1:26" customFormat="1" ht="28.5" hidden="1" customHeight="1">
      <c r="A33" s="64" t="s">
        <v>1</v>
      </c>
      <c r="B33" s="101" t="s">
        <v>1</v>
      </c>
      <c r="C33" s="102"/>
      <c r="D33" s="109" t="s">
        <v>1</v>
      </c>
      <c r="E33" s="110"/>
      <c r="F33" s="111" t="s">
        <v>5</v>
      </c>
      <c r="G33" s="112"/>
      <c r="H33" s="36" t="s">
        <v>1</v>
      </c>
      <c r="I33" s="99" t="s">
        <v>1</v>
      </c>
      <c r="J33" s="107"/>
      <c r="K33" s="31" t="s">
        <v>1</v>
      </c>
      <c r="L33" s="99" t="s">
        <v>70</v>
      </c>
      <c r="M33" s="99"/>
      <c r="N33" s="107"/>
      <c r="O33" s="31" t="s">
        <v>1</v>
      </c>
      <c r="P33" s="99" t="s">
        <v>1</v>
      </c>
      <c r="Q33" s="107"/>
      <c r="R33" s="31" t="s">
        <v>1</v>
      </c>
      <c r="S33" s="99" t="s">
        <v>1</v>
      </c>
      <c r="T33" s="99"/>
      <c r="U33" s="107"/>
      <c r="V33" s="31" t="s">
        <v>1</v>
      </c>
      <c r="W33" s="99" t="s">
        <v>1</v>
      </c>
      <c r="X33" s="99"/>
      <c r="Y33" s="100"/>
      <c r="Z33" s="4"/>
    </row>
    <row r="34" spans="1:26" customFormat="1" ht="28.5" hidden="1" customHeight="1">
      <c r="A34" s="64" t="s">
        <v>1</v>
      </c>
      <c r="B34" s="101" t="s">
        <v>1</v>
      </c>
      <c r="C34" s="102"/>
      <c r="D34" s="109" t="s">
        <v>1</v>
      </c>
      <c r="E34" s="110"/>
      <c r="F34" s="111" t="s">
        <v>88</v>
      </c>
      <c r="G34" s="112"/>
      <c r="H34" s="36" t="s">
        <v>1</v>
      </c>
      <c r="I34" s="99" t="s">
        <v>1</v>
      </c>
      <c r="J34" s="107"/>
      <c r="K34" s="31" t="s">
        <v>1</v>
      </c>
      <c r="L34" s="99" t="s">
        <v>70</v>
      </c>
      <c r="M34" s="99"/>
      <c r="N34" s="107"/>
      <c r="O34" s="31" t="s">
        <v>1</v>
      </c>
      <c r="P34" s="99" t="s">
        <v>1</v>
      </c>
      <c r="Q34" s="107"/>
      <c r="R34" s="31" t="s">
        <v>1</v>
      </c>
      <c r="S34" s="99" t="s">
        <v>1</v>
      </c>
      <c r="T34" s="99"/>
      <c r="U34" s="107"/>
      <c r="V34" s="31" t="s">
        <v>1</v>
      </c>
      <c r="W34" s="99" t="s">
        <v>1</v>
      </c>
      <c r="X34" s="99"/>
      <c r="Y34" s="100"/>
      <c r="Z34" s="4"/>
    </row>
    <row r="35" spans="1:26" customFormat="1" ht="28.5" hidden="1" customHeight="1">
      <c r="A35" s="64" t="s">
        <v>1</v>
      </c>
      <c r="B35" s="101" t="s">
        <v>1</v>
      </c>
      <c r="C35" s="102"/>
      <c r="D35" s="109" t="s">
        <v>1</v>
      </c>
      <c r="E35" s="110"/>
      <c r="F35" s="111" t="s">
        <v>1</v>
      </c>
      <c r="G35" s="112"/>
      <c r="H35" s="36" t="s">
        <v>1</v>
      </c>
      <c r="I35" s="99" t="s">
        <v>1</v>
      </c>
      <c r="J35" s="107"/>
      <c r="K35" s="31" t="s">
        <v>1</v>
      </c>
      <c r="L35" s="99" t="s">
        <v>1</v>
      </c>
      <c r="M35" s="99"/>
      <c r="N35" s="107"/>
      <c r="O35" s="31" t="s">
        <v>1</v>
      </c>
      <c r="P35" s="99" t="s">
        <v>1</v>
      </c>
      <c r="Q35" s="107"/>
      <c r="R35" s="31" t="s">
        <v>1</v>
      </c>
      <c r="S35" s="99" t="s">
        <v>1</v>
      </c>
      <c r="T35" s="99"/>
      <c r="U35" s="107"/>
      <c r="V35" s="31" t="s">
        <v>1</v>
      </c>
      <c r="W35" s="99" t="s">
        <v>1</v>
      </c>
      <c r="X35" s="99"/>
      <c r="Y35" s="100"/>
      <c r="Z35" s="4"/>
    </row>
    <row r="36" spans="1:26" customFormat="1" ht="28.5" hidden="1" customHeight="1">
      <c r="A36" s="64" t="s">
        <v>1</v>
      </c>
      <c r="B36" s="101" t="s">
        <v>1</v>
      </c>
      <c r="C36" s="102"/>
      <c r="D36" s="109" t="s">
        <v>1</v>
      </c>
      <c r="E36" s="110"/>
      <c r="F36" s="111" t="s">
        <v>89</v>
      </c>
      <c r="G36" s="112"/>
      <c r="H36" s="36" t="s">
        <v>1</v>
      </c>
      <c r="I36" s="99" t="s">
        <v>1</v>
      </c>
      <c r="J36" s="107"/>
      <c r="K36" s="31" t="s">
        <v>1</v>
      </c>
      <c r="L36" s="99" t="s">
        <v>1</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1</v>
      </c>
      <c r="G37" s="112"/>
      <c r="H37" s="36" t="s">
        <v>1</v>
      </c>
      <c r="I37" s="99" t="s">
        <v>1</v>
      </c>
      <c r="J37" s="107"/>
      <c r="K37" s="31" t="s">
        <v>1</v>
      </c>
      <c r="L37" s="99" t="s">
        <v>1</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1</v>
      </c>
      <c r="G38" s="112"/>
      <c r="H38" s="36" t="s">
        <v>1</v>
      </c>
      <c r="I38" s="99" t="s">
        <v>1</v>
      </c>
      <c r="J38" s="107"/>
      <c r="K38" s="31" t="s">
        <v>1</v>
      </c>
      <c r="L38" s="99" t="s">
        <v>7</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1</v>
      </c>
      <c r="G39" s="112"/>
      <c r="H39" s="36" t="s">
        <v>1</v>
      </c>
      <c r="I39" s="99" t="s">
        <v>1</v>
      </c>
      <c r="J39" s="107"/>
      <c r="K39" s="31" t="s">
        <v>1</v>
      </c>
      <c r="L39" s="99" t="s">
        <v>1</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1</v>
      </c>
      <c r="G40" s="112"/>
      <c r="H40" s="36" t="s">
        <v>1</v>
      </c>
      <c r="I40" s="99" t="s">
        <v>1</v>
      </c>
      <c r="J40" s="107"/>
      <c r="K40" s="31" t="s">
        <v>1</v>
      </c>
      <c r="L40" s="99" t="s">
        <v>1</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1</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1</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hidden="1" customHeight="1">
      <c r="A45" s="158" t="s">
        <v>4</v>
      </c>
      <c r="B45" s="159"/>
      <c r="C45" s="159"/>
      <c r="D45" s="159"/>
      <c r="E45" s="159"/>
      <c r="F45" s="159"/>
      <c r="G45" s="159"/>
      <c r="H45" s="66" t="s">
        <v>1</v>
      </c>
      <c r="I45" s="119" t="s">
        <v>1</v>
      </c>
      <c r="J45" s="120"/>
      <c r="K45" s="61" t="s">
        <v>1</v>
      </c>
      <c r="L45" s="119" t="s">
        <v>1</v>
      </c>
      <c r="M45" s="119"/>
      <c r="N45" s="120"/>
      <c r="O45" s="61" t="s">
        <v>1</v>
      </c>
      <c r="P45" s="119" t="s">
        <v>1</v>
      </c>
      <c r="Q45" s="120"/>
      <c r="R45" s="61" t="s">
        <v>1</v>
      </c>
      <c r="S45" s="119" t="s">
        <v>1</v>
      </c>
      <c r="T45" s="119"/>
      <c r="U45" s="120"/>
      <c r="V45" s="61" t="s">
        <v>1</v>
      </c>
      <c r="W45" s="119" t="s">
        <v>1</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70</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1:U31"/>
    <mergeCell ref="W31:Y31"/>
    <mergeCell ref="B32:C32"/>
    <mergeCell ref="D32:E32"/>
    <mergeCell ref="F32:G32"/>
    <mergeCell ref="I32:J32"/>
    <mergeCell ref="L32:N32"/>
    <mergeCell ref="P32:Q32"/>
    <mergeCell ref="S32:U32"/>
    <mergeCell ref="W32:Y32"/>
    <mergeCell ref="I31:J31"/>
    <mergeCell ref="L31:N31"/>
    <mergeCell ref="P31:Q31"/>
    <mergeCell ref="A31:G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G8:I8"/>
    <mergeCell ref="J8:L8"/>
    <mergeCell ref="N8:P8"/>
    <mergeCell ref="Q8:S8"/>
    <mergeCell ref="U8:W8"/>
    <mergeCell ref="C7:D7"/>
    <mergeCell ref="E7:F7"/>
    <mergeCell ref="G7:I7"/>
    <mergeCell ref="J7:L7"/>
    <mergeCell ref="N7:P7"/>
    <mergeCell ref="Q7:S7"/>
    <mergeCell ref="A8:F8"/>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AB243"/>
  <sheetViews>
    <sheetView showGridLines="0" view="pageBreakPreview" topLeftCell="A25" zoomScale="115" zoomScaleNormal="100" zoomScaleSheetLayoutView="11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96</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97</v>
      </c>
      <c r="C6" s="109" t="s">
        <v>1</v>
      </c>
      <c r="D6" s="110"/>
      <c r="E6" s="187" t="s">
        <v>1</v>
      </c>
      <c r="F6" s="188"/>
      <c r="G6" s="189" t="s">
        <v>98</v>
      </c>
      <c r="H6" s="189"/>
      <c r="I6" s="189"/>
      <c r="J6" s="175" t="s">
        <v>99</v>
      </c>
      <c r="K6" s="175"/>
      <c r="L6" s="175"/>
      <c r="M6" s="53" t="s">
        <v>1</v>
      </c>
      <c r="N6" s="125" t="s">
        <v>99</v>
      </c>
      <c r="O6" s="125"/>
      <c r="P6" s="129"/>
      <c r="Q6" s="175" t="s">
        <v>29</v>
      </c>
      <c r="R6" s="175"/>
      <c r="S6" s="175"/>
      <c r="T6" s="54"/>
      <c r="U6" s="125" t="s">
        <v>29</v>
      </c>
      <c r="V6" s="125"/>
      <c r="W6" s="129"/>
      <c r="X6" s="55" t="s">
        <v>1</v>
      </c>
      <c r="Y6" s="56" t="s">
        <v>100</v>
      </c>
      <c r="Z6" s="20"/>
      <c r="AA6" s="14"/>
      <c r="AB6" s="20"/>
    </row>
    <row r="7" spans="1:28" customFormat="1" ht="29.1" customHeight="1">
      <c r="A7" s="63" t="s">
        <v>1</v>
      </c>
      <c r="B7" s="82" t="s">
        <v>1</v>
      </c>
      <c r="C7" s="109" t="s">
        <v>25</v>
      </c>
      <c r="D7" s="110"/>
      <c r="E7" s="140" t="s">
        <v>101</v>
      </c>
      <c r="F7" s="141"/>
      <c r="G7" s="155" t="s">
        <v>102</v>
      </c>
      <c r="H7" s="155"/>
      <c r="I7" s="155"/>
      <c r="J7" s="156" t="s">
        <v>103</v>
      </c>
      <c r="K7" s="156"/>
      <c r="L7" s="156"/>
      <c r="M7" s="57" t="s">
        <v>1</v>
      </c>
      <c r="N7" s="99" t="s">
        <v>103</v>
      </c>
      <c r="O7" s="99"/>
      <c r="P7" s="107"/>
      <c r="Q7" s="156" t="s">
        <v>29</v>
      </c>
      <c r="R7" s="156"/>
      <c r="S7" s="156"/>
      <c r="T7" s="58"/>
      <c r="U7" s="99" t="s">
        <v>29</v>
      </c>
      <c r="V7" s="99"/>
      <c r="W7" s="107"/>
      <c r="X7" s="31" t="s">
        <v>1</v>
      </c>
      <c r="Y7" s="83" t="s">
        <v>104</v>
      </c>
      <c r="Z7" s="20"/>
      <c r="AA7" s="20"/>
      <c r="AB7" s="20"/>
    </row>
    <row r="8" spans="1:28" customFormat="1" ht="29.1" customHeight="1">
      <c r="A8" s="63" t="s">
        <v>1</v>
      </c>
      <c r="B8" s="82" t="s">
        <v>1</v>
      </c>
      <c r="C8" s="109" t="s">
        <v>35</v>
      </c>
      <c r="D8" s="110"/>
      <c r="E8" s="140" t="s">
        <v>105</v>
      </c>
      <c r="F8" s="141"/>
      <c r="G8" s="155" t="s">
        <v>106</v>
      </c>
      <c r="H8" s="155"/>
      <c r="I8" s="155"/>
      <c r="J8" s="156" t="s">
        <v>107</v>
      </c>
      <c r="K8" s="156"/>
      <c r="L8" s="156"/>
      <c r="M8" s="57" t="s">
        <v>1</v>
      </c>
      <c r="N8" s="99" t="s">
        <v>107</v>
      </c>
      <c r="O8" s="99"/>
      <c r="P8" s="107"/>
      <c r="Q8" s="156" t="s">
        <v>29</v>
      </c>
      <c r="R8" s="156"/>
      <c r="S8" s="156"/>
      <c r="T8" s="58"/>
      <c r="U8" s="99" t="s">
        <v>29</v>
      </c>
      <c r="V8" s="99"/>
      <c r="W8" s="107"/>
      <c r="X8" s="31" t="s">
        <v>39</v>
      </c>
      <c r="Y8" s="83" t="s">
        <v>108</v>
      </c>
      <c r="Z8" s="20"/>
      <c r="AA8" s="20"/>
      <c r="AB8" s="20"/>
    </row>
    <row r="9" spans="1:28" customFormat="1" ht="29.1" hidden="1" customHeight="1">
      <c r="A9" s="63" t="s">
        <v>51</v>
      </c>
      <c r="B9" s="77" t="e">
        <v>#REF!</v>
      </c>
      <c r="C9" s="109" t="e">
        <v>#REF!</v>
      </c>
      <c r="D9" s="110"/>
      <c r="E9" s="140" t="e">
        <v>#REF!</v>
      </c>
      <c r="F9" s="141"/>
      <c r="G9" s="167" t="e">
        <v>#REF!</v>
      </c>
      <c r="H9" s="167"/>
      <c r="I9" s="167"/>
      <c r="J9" s="168" t="e">
        <v>#REF!</v>
      </c>
      <c r="K9" s="168"/>
      <c r="L9" s="168"/>
      <c r="M9" s="68" t="e">
        <v>#REF!</v>
      </c>
      <c r="N9" s="133" t="e">
        <v>#REF!</v>
      </c>
      <c r="O9" s="133"/>
      <c r="P9" s="134"/>
      <c r="Q9" s="168" t="e">
        <v>#REF!</v>
      </c>
      <c r="R9" s="168"/>
      <c r="S9" s="168"/>
      <c r="T9" s="69"/>
      <c r="U9" s="133" t="e">
        <v>#REF!</v>
      </c>
      <c r="V9" s="133"/>
      <c r="W9" s="134"/>
      <c r="X9" s="46" t="e">
        <v>#REF!</v>
      </c>
      <c r="Y9" s="76" t="e">
        <v>#REF!</v>
      </c>
      <c r="Z9" s="20"/>
      <c r="AA9" s="20"/>
      <c r="AB9" s="20"/>
    </row>
    <row r="10" spans="1:28" customFormat="1" ht="29.1" customHeight="1">
      <c r="A10" s="158" t="s">
        <v>9</v>
      </c>
      <c r="B10" s="159"/>
      <c r="C10" s="159"/>
      <c r="D10" s="159"/>
      <c r="E10" s="159"/>
      <c r="F10" s="159"/>
      <c r="G10" s="160" t="s">
        <v>98</v>
      </c>
      <c r="H10" s="160"/>
      <c r="I10" s="160"/>
      <c r="J10" s="157" t="s">
        <v>99</v>
      </c>
      <c r="K10" s="157"/>
      <c r="L10" s="157"/>
      <c r="M10" s="59" t="s">
        <v>1</v>
      </c>
      <c r="N10" s="119" t="s">
        <v>99</v>
      </c>
      <c r="O10" s="119"/>
      <c r="P10" s="120"/>
      <c r="Q10" s="157" t="s">
        <v>29</v>
      </c>
      <c r="R10" s="157"/>
      <c r="S10" s="157"/>
      <c r="T10" s="60"/>
      <c r="U10" s="119" t="s">
        <v>29</v>
      </c>
      <c r="V10" s="119"/>
      <c r="W10" s="120"/>
      <c r="X10" s="61" t="s">
        <v>1</v>
      </c>
      <c r="Y10" s="81" t="s">
        <v>100</v>
      </c>
      <c r="Z10" s="20"/>
      <c r="AA10" s="20"/>
      <c r="AB10" s="20"/>
    </row>
    <row r="11" spans="1:28" customFormat="1" ht="29.1" hidden="1" customHeight="1">
      <c r="A11" s="63" t="e">
        <v>#REF!</v>
      </c>
      <c r="B11" s="51" t="e">
        <v>#REF!</v>
      </c>
      <c r="C11" s="109" t="e">
        <v>#REF!</v>
      </c>
      <c r="D11" s="110"/>
      <c r="E11" s="140" t="e">
        <v>#REF!</v>
      </c>
      <c r="F11" s="141"/>
      <c r="G11" s="155" t="e">
        <v>#REF!</v>
      </c>
      <c r="H11" s="155"/>
      <c r="I11" s="155"/>
      <c r="J11" s="156" t="e">
        <v>#REF!</v>
      </c>
      <c r="K11" s="156"/>
      <c r="L11" s="156"/>
      <c r="M11" s="57" t="e">
        <v>#REF!</v>
      </c>
      <c r="N11" s="99" t="e">
        <v>#REF!</v>
      </c>
      <c r="O11" s="99"/>
      <c r="P11" s="107"/>
      <c r="Q11" s="156" t="e">
        <v>#REF!</v>
      </c>
      <c r="R11" s="156"/>
      <c r="S11" s="156"/>
      <c r="T11" s="79"/>
      <c r="U11" s="99" t="e">
        <v>#REF!</v>
      </c>
      <c r="V11" s="99"/>
      <c r="W11" s="107"/>
      <c r="X11" s="31" t="e">
        <v>#REF!</v>
      </c>
      <c r="Y11" s="52" t="e">
        <v>#REF!</v>
      </c>
      <c r="Z11" s="20"/>
      <c r="AA11" s="20"/>
      <c r="AB11" s="20"/>
    </row>
    <row r="12" spans="1:28" customFormat="1" ht="29.1" hidden="1" customHeight="1">
      <c r="A12" s="63" t="e">
        <v>#REF!</v>
      </c>
      <c r="B12" s="51" t="e">
        <v>#REF!</v>
      </c>
      <c r="C12" s="109" t="e">
        <v>#REF!</v>
      </c>
      <c r="D12" s="110"/>
      <c r="E12" s="140" t="e">
        <v>#REF!</v>
      </c>
      <c r="F12" s="141"/>
      <c r="G12" s="155" t="e">
        <v>#REF!</v>
      </c>
      <c r="H12" s="155"/>
      <c r="I12" s="155"/>
      <c r="J12" s="156" t="e">
        <v>#REF!</v>
      </c>
      <c r="K12" s="156"/>
      <c r="L12" s="156"/>
      <c r="M12" s="57" t="e">
        <v>#REF!</v>
      </c>
      <c r="N12" s="99" t="e">
        <v>#REF!</v>
      </c>
      <c r="O12" s="99"/>
      <c r="P12" s="107"/>
      <c r="Q12" s="156" t="e">
        <v>#REF!</v>
      </c>
      <c r="R12" s="156"/>
      <c r="S12" s="156"/>
      <c r="T12" s="58"/>
      <c r="U12" s="99" t="e">
        <v>#REF!</v>
      </c>
      <c r="V12" s="99"/>
      <c r="W12" s="107"/>
      <c r="X12" s="31" t="e">
        <v>#REF!</v>
      </c>
      <c r="Y12" s="52" t="e">
        <v>#REF!</v>
      </c>
      <c r="Z12" s="20"/>
      <c r="AA12" s="20"/>
      <c r="AB12" s="20"/>
    </row>
    <row r="13" spans="1:28" customFormat="1" ht="29.1" hidden="1" customHeight="1">
      <c r="A13" s="63" t="e">
        <v>#REF!</v>
      </c>
      <c r="B13" s="51" t="e">
        <v>#REF!</v>
      </c>
      <c r="C13" s="109" t="e">
        <v>#REF!</v>
      </c>
      <c r="D13" s="110"/>
      <c r="E13" s="140" t="e">
        <v>#REF!</v>
      </c>
      <c r="F13" s="141"/>
      <c r="G13" s="155" t="e">
        <v>#REF!</v>
      </c>
      <c r="H13" s="155"/>
      <c r="I13" s="155"/>
      <c r="J13" s="156" t="e">
        <v>#REF!</v>
      </c>
      <c r="K13" s="156"/>
      <c r="L13" s="156"/>
      <c r="M13" s="57" t="e">
        <v>#REF!</v>
      </c>
      <c r="N13" s="99" t="e">
        <v>#REF!</v>
      </c>
      <c r="O13" s="99"/>
      <c r="P13" s="107"/>
      <c r="Q13" s="156" t="e">
        <v>#REF!</v>
      </c>
      <c r="R13" s="156"/>
      <c r="S13" s="156"/>
      <c r="T13" s="58"/>
      <c r="U13" s="99" t="e">
        <v>#REF!</v>
      </c>
      <c r="V13" s="99"/>
      <c r="W13" s="107"/>
      <c r="X13" s="31" t="e">
        <v>#REF!</v>
      </c>
      <c r="Y13" s="52" t="e">
        <v>#REF!</v>
      </c>
      <c r="Z13" s="20"/>
      <c r="AA13" s="20"/>
      <c r="AB13" s="20"/>
    </row>
    <row r="14" spans="1:28" customFormat="1" ht="29.1" hidden="1" customHeight="1">
      <c r="A14" s="63" t="e">
        <v>#REF!</v>
      </c>
      <c r="B14" s="51" t="e">
        <v>#REF!</v>
      </c>
      <c r="C14" s="109" t="e">
        <v>#REF!</v>
      </c>
      <c r="D14" s="110"/>
      <c r="E14" s="140" t="e">
        <v>#REF!</v>
      </c>
      <c r="F14" s="141"/>
      <c r="G14" s="155" t="e">
        <v>#REF!</v>
      </c>
      <c r="H14" s="155"/>
      <c r="I14" s="155"/>
      <c r="J14" s="156" t="e">
        <v>#REF!</v>
      </c>
      <c r="K14" s="156"/>
      <c r="L14" s="156"/>
      <c r="M14" s="57" t="e">
        <v>#REF!</v>
      </c>
      <c r="N14" s="99" t="e">
        <v>#REF!</v>
      </c>
      <c r="O14" s="99"/>
      <c r="P14" s="107"/>
      <c r="Q14" s="156" t="e">
        <v>#REF!</v>
      </c>
      <c r="R14" s="156"/>
      <c r="S14" s="156"/>
      <c r="T14" s="58"/>
      <c r="U14" s="99" t="e">
        <v>#REF!</v>
      </c>
      <c r="V14" s="99"/>
      <c r="W14" s="107"/>
      <c r="X14" s="31" t="e">
        <v>#REF!</v>
      </c>
      <c r="Y14" s="52" t="e">
        <v>#REF!</v>
      </c>
      <c r="Z14" s="20"/>
      <c r="AA14" s="20"/>
      <c r="AB14" s="20"/>
    </row>
    <row r="15" spans="1:28" customFormat="1" ht="29.1" hidden="1" customHeight="1">
      <c r="A15" s="63" t="e">
        <v>#REF!</v>
      </c>
      <c r="B15" s="51" t="e">
        <v>#REF!</v>
      </c>
      <c r="C15" s="109" t="e">
        <v>#REF!</v>
      </c>
      <c r="D15" s="110"/>
      <c r="E15" s="140" t="e">
        <v>#REF!</v>
      </c>
      <c r="F15" s="141"/>
      <c r="G15" s="155" t="e">
        <v>#REF!</v>
      </c>
      <c r="H15" s="155"/>
      <c r="I15" s="155"/>
      <c r="J15" s="156" t="e">
        <v>#REF!</v>
      </c>
      <c r="K15" s="156"/>
      <c r="L15" s="156"/>
      <c r="M15" s="57" t="e">
        <v>#REF!</v>
      </c>
      <c r="N15" s="99" t="e">
        <v>#REF!</v>
      </c>
      <c r="O15" s="99"/>
      <c r="P15" s="107"/>
      <c r="Q15" s="156" t="e">
        <v>#REF!</v>
      </c>
      <c r="R15" s="156"/>
      <c r="S15" s="156"/>
      <c r="T15" s="58"/>
      <c r="U15" s="99" t="e">
        <v>#REF!</v>
      </c>
      <c r="V15" s="99"/>
      <c r="W15" s="107"/>
      <c r="X15" s="31" t="e">
        <v>#REF!</v>
      </c>
      <c r="Y15" s="52" t="e">
        <v>#REF!</v>
      </c>
      <c r="Z15" s="20"/>
      <c r="AA15" s="20"/>
      <c r="AB15" s="20"/>
    </row>
    <row r="16" spans="1:28" customFormat="1" ht="29.1" hidden="1" customHeight="1">
      <c r="A16" s="63" t="e">
        <v>#REF!</v>
      </c>
      <c r="B16" s="51" t="e">
        <v>#REF!</v>
      </c>
      <c r="C16" s="109" t="e">
        <v>#REF!</v>
      </c>
      <c r="D16" s="110"/>
      <c r="E16" s="140" t="e">
        <v>#REF!</v>
      </c>
      <c r="F16" s="141"/>
      <c r="G16" s="155" t="e">
        <v>#REF!</v>
      </c>
      <c r="H16" s="155"/>
      <c r="I16" s="155"/>
      <c r="J16" s="156" t="e">
        <v>#REF!</v>
      </c>
      <c r="K16" s="156"/>
      <c r="L16" s="156"/>
      <c r="M16" s="57" t="e">
        <v>#REF!</v>
      </c>
      <c r="N16" s="99" t="e">
        <v>#REF!</v>
      </c>
      <c r="O16" s="99"/>
      <c r="P16" s="107"/>
      <c r="Q16" s="156" t="e">
        <v>#REF!</v>
      </c>
      <c r="R16" s="156"/>
      <c r="S16" s="156"/>
      <c r="T16" s="58"/>
      <c r="U16" s="99" t="e">
        <v>#REF!</v>
      </c>
      <c r="V16" s="99"/>
      <c r="W16" s="107"/>
      <c r="X16" s="31" t="e">
        <v>#REF!</v>
      </c>
      <c r="Y16" s="52" t="e">
        <v>#REF!</v>
      </c>
      <c r="Z16" s="20"/>
      <c r="AA16" s="20"/>
      <c r="AB16" s="20"/>
    </row>
    <row r="17" spans="1:28" customFormat="1" ht="29.1" hidden="1" customHeight="1">
      <c r="A17" s="63" t="e">
        <v>#REF!</v>
      </c>
      <c r="B17" s="51" t="e">
        <v>#REF!</v>
      </c>
      <c r="C17" s="109" t="e">
        <v>#REF!</v>
      </c>
      <c r="D17" s="110"/>
      <c r="E17" s="140" t="e">
        <v>#REF!</v>
      </c>
      <c r="F17" s="141"/>
      <c r="G17" s="155" t="e">
        <v>#REF!</v>
      </c>
      <c r="H17" s="155"/>
      <c r="I17" s="155"/>
      <c r="J17" s="156" t="e">
        <v>#REF!</v>
      </c>
      <c r="K17" s="156"/>
      <c r="L17" s="156"/>
      <c r="M17" s="57" t="e">
        <v>#REF!</v>
      </c>
      <c r="N17" s="99" t="e">
        <v>#REF!</v>
      </c>
      <c r="O17" s="99"/>
      <c r="P17" s="107"/>
      <c r="Q17" s="156" t="e">
        <v>#REF!</v>
      </c>
      <c r="R17" s="156"/>
      <c r="S17" s="156"/>
      <c r="T17" s="58"/>
      <c r="U17" s="99" t="e">
        <v>#REF!</v>
      </c>
      <c r="V17" s="99"/>
      <c r="W17" s="107"/>
      <c r="X17" s="31" t="e">
        <v>#REF!</v>
      </c>
      <c r="Y17" s="52" t="e">
        <v>#REF!</v>
      </c>
      <c r="Z17" s="20"/>
      <c r="AA17" s="20"/>
      <c r="AB17" s="20"/>
    </row>
    <row r="18" spans="1:28" customFormat="1" ht="29.1" hidden="1" customHeight="1">
      <c r="A18" s="63" t="e">
        <v>#REF!</v>
      </c>
      <c r="B18" s="51" t="e">
        <v>#REF!</v>
      </c>
      <c r="C18" s="109" t="e">
        <v>#REF!</v>
      </c>
      <c r="D18" s="110"/>
      <c r="E18" s="140" t="e">
        <v>#REF!</v>
      </c>
      <c r="F18" s="141"/>
      <c r="G18" s="155" t="e">
        <v>#REF!</v>
      </c>
      <c r="H18" s="155"/>
      <c r="I18" s="155"/>
      <c r="J18" s="156" t="e">
        <v>#REF!</v>
      </c>
      <c r="K18" s="156"/>
      <c r="L18" s="156"/>
      <c r="M18" s="57" t="e">
        <v>#REF!</v>
      </c>
      <c r="N18" s="99" t="e">
        <v>#REF!</v>
      </c>
      <c r="O18" s="99"/>
      <c r="P18" s="107"/>
      <c r="Q18" s="156" t="e">
        <v>#REF!</v>
      </c>
      <c r="R18" s="156"/>
      <c r="S18" s="156"/>
      <c r="T18" s="58"/>
      <c r="U18" s="99" t="e">
        <v>#REF!</v>
      </c>
      <c r="V18" s="99"/>
      <c r="W18" s="107"/>
      <c r="X18" s="31" t="e">
        <v>#REF!</v>
      </c>
      <c r="Y18" s="52" t="e">
        <v>#REF!</v>
      </c>
      <c r="Z18" s="20"/>
      <c r="AA18" s="20"/>
      <c r="AB18" s="20"/>
    </row>
    <row r="19" spans="1:28" customFormat="1" ht="29.1" hidden="1" customHeight="1">
      <c r="A19" s="63" t="e">
        <v>#REF!</v>
      </c>
      <c r="B19" s="51" t="e">
        <v>#REF!</v>
      </c>
      <c r="C19" s="109" t="e">
        <v>#REF!</v>
      </c>
      <c r="D19" s="110"/>
      <c r="E19" s="140" t="e">
        <v>#REF!</v>
      </c>
      <c r="F19" s="141"/>
      <c r="G19" s="155" t="e">
        <v>#REF!</v>
      </c>
      <c r="H19" s="155"/>
      <c r="I19" s="155"/>
      <c r="J19" s="156" t="e">
        <v>#REF!</v>
      </c>
      <c r="K19" s="156"/>
      <c r="L19" s="156"/>
      <c r="M19" s="57" t="e">
        <v>#REF!</v>
      </c>
      <c r="N19" s="99" t="e">
        <v>#REF!</v>
      </c>
      <c r="O19" s="99"/>
      <c r="P19" s="107"/>
      <c r="Q19" s="156" t="e">
        <v>#REF!</v>
      </c>
      <c r="R19" s="156"/>
      <c r="S19" s="156"/>
      <c r="T19" s="58"/>
      <c r="U19" s="99" t="e">
        <v>#REF!</v>
      </c>
      <c r="V19" s="99"/>
      <c r="W19" s="107"/>
      <c r="X19" s="31" t="e">
        <v>#REF!</v>
      </c>
      <c r="Y19" s="52" t="e">
        <v>#REF!</v>
      </c>
      <c r="Z19" s="20"/>
      <c r="AA19" s="20"/>
      <c r="AB19" s="20"/>
    </row>
    <row r="20" spans="1:28" customFormat="1" ht="29.1" hidden="1" customHeight="1">
      <c r="A20" s="63" t="e">
        <v>#REF!</v>
      </c>
      <c r="B20" s="51" t="e">
        <v>#REF!</v>
      </c>
      <c r="C20" s="109" t="e">
        <v>#REF!</v>
      </c>
      <c r="D20" s="110"/>
      <c r="E20" s="140" t="e">
        <v>#REF!</v>
      </c>
      <c r="F20" s="141"/>
      <c r="G20" s="155" t="e">
        <v>#REF!</v>
      </c>
      <c r="H20" s="155"/>
      <c r="I20" s="155"/>
      <c r="J20" s="156" t="e">
        <v>#REF!</v>
      </c>
      <c r="K20" s="156"/>
      <c r="L20" s="156"/>
      <c r="M20" s="57" t="e">
        <v>#REF!</v>
      </c>
      <c r="N20" s="99" t="e">
        <v>#REF!</v>
      </c>
      <c r="O20" s="99"/>
      <c r="P20" s="107"/>
      <c r="Q20" s="156" t="e">
        <v>#REF!</v>
      </c>
      <c r="R20" s="156"/>
      <c r="S20" s="156"/>
      <c r="T20" s="58"/>
      <c r="U20" s="99" t="e">
        <v>#REF!</v>
      </c>
      <c r="V20" s="99"/>
      <c r="W20" s="107"/>
      <c r="X20" s="31" t="e">
        <v>#REF!</v>
      </c>
      <c r="Y20" s="52" t="e">
        <v>#REF!</v>
      </c>
      <c r="Z20" s="20"/>
      <c r="AA20" s="20"/>
      <c r="AB20" s="20"/>
    </row>
    <row r="21" spans="1:28" customFormat="1" ht="29.1" hidden="1" customHeight="1">
      <c r="A21" s="63" t="e">
        <v>#REF!</v>
      </c>
      <c r="B21" s="51" t="e">
        <v>#REF!</v>
      </c>
      <c r="C21" s="109" t="e">
        <v>#REF!</v>
      </c>
      <c r="D21" s="110"/>
      <c r="E21" s="140" t="e">
        <v>#REF!</v>
      </c>
      <c r="F21" s="141"/>
      <c r="G21" s="155" t="e">
        <v>#REF!</v>
      </c>
      <c r="H21" s="155"/>
      <c r="I21" s="155"/>
      <c r="J21" s="156" t="e">
        <v>#REF!</v>
      </c>
      <c r="K21" s="156"/>
      <c r="L21" s="156"/>
      <c r="M21" s="57" t="e">
        <v>#REF!</v>
      </c>
      <c r="N21" s="99" t="e">
        <v>#REF!</v>
      </c>
      <c r="O21" s="99"/>
      <c r="P21" s="107"/>
      <c r="Q21" s="156" t="e">
        <v>#REF!</v>
      </c>
      <c r="R21" s="156"/>
      <c r="S21" s="156"/>
      <c r="T21" s="58"/>
      <c r="U21" s="99" t="e">
        <v>#REF!</v>
      </c>
      <c r="V21" s="99"/>
      <c r="W21" s="107"/>
      <c r="X21" s="31" t="e">
        <v>#REF!</v>
      </c>
      <c r="Y21" s="52" t="e">
        <v>#REF!</v>
      </c>
      <c r="Z21" s="20"/>
      <c r="AA21" s="20"/>
      <c r="AB21" s="20"/>
    </row>
    <row r="22" spans="1:28" customFormat="1" ht="29.1" hidden="1" customHeight="1">
      <c r="A22" s="63" t="e">
        <v>#REF!</v>
      </c>
      <c r="B22" s="51" t="e">
        <v>#REF!</v>
      </c>
      <c r="C22" s="136" t="e">
        <v>#REF!</v>
      </c>
      <c r="D22" s="137"/>
      <c r="E22" s="165" t="e">
        <v>#REF!</v>
      </c>
      <c r="F22" s="166"/>
      <c r="G22" s="167" t="e">
        <v>#REF!</v>
      </c>
      <c r="H22" s="167"/>
      <c r="I22" s="167"/>
      <c r="J22" s="168" t="e">
        <v>#REF!</v>
      </c>
      <c r="K22" s="168"/>
      <c r="L22" s="168"/>
      <c r="M22" s="68" t="e">
        <v>#REF!</v>
      </c>
      <c r="N22" s="133" t="e">
        <v>#REF!</v>
      </c>
      <c r="O22" s="133"/>
      <c r="P22" s="134"/>
      <c r="Q22" s="168" t="e">
        <v>#REF!</v>
      </c>
      <c r="R22" s="168"/>
      <c r="S22" s="168"/>
      <c r="T22" s="69"/>
      <c r="U22" s="133" t="e">
        <v>#REF!</v>
      </c>
      <c r="V22" s="133"/>
      <c r="W22" s="134"/>
      <c r="X22" s="46" t="e">
        <v>#REF!</v>
      </c>
      <c r="Y22" s="50" t="e">
        <v>#REF!</v>
      </c>
      <c r="Z22" s="20"/>
      <c r="AA22" s="20"/>
      <c r="AB22" s="20"/>
    </row>
    <row r="23" spans="1:28" customFormat="1" ht="29.1" hidden="1" customHeight="1">
      <c r="A23" s="158" t="s">
        <v>9</v>
      </c>
      <c r="B23" s="159"/>
      <c r="C23" s="159"/>
      <c r="D23" s="159"/>
      <c r="E23" s="159"/>
      <c r="F23" s="159"/>
      <c r="G23" s="160" t="e">
        <v>#REF!</v>
      </c>
      <c r="H23" s="160"/>
      <c r="I23" s="160"/>
      <c r="J23" s="157" t="e">
        <v>#REF!</v>
      </c>
      <c r="K23" s="157"/>
      <c r="L23" s="157"/>
      <c r="M23" s="59" t="e">
        <v>#REF!</v>
      </c>
      <c r="N23" s="119" t="e">
        <v>#REF!</v>
      </c>
      <c r="O23" s="119"/>
      <c r="P23" s="120"/>
      <c r="Q23" s="157" t="e">
        <v>#REF!</v>
      </c>
      <c r="R23" s="157"/>
      <c r="S23" s="157"/>
      <c r="T23" s="60"/>
      <c r="U23" s="119" t="e">
        <v>#REF!</v>
      </c>
      <c r="V23" s="119"/>
      <c r="W23" s="120"/>
      <c r="X23" s="61" t="e">
        <v>#REF!</v>
      </c>
      <c r="Y23" s="62" t="e">
        <v>#REF!</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30"/>
      <c r="G28" s="131"/>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109</v>
      </c>
      <c r="C29" s="102"/>
      <c r="D29" s="103" t="s">
        <v>1</v>
      </c>
      <c r="E29" s="104"/>
      <c r="F29" s="105" t="s">
        <v>1</v>
      </c>
      <c r="G29" s="106"/>
      <c r="H29" s="65" t="s">
        <v>1</v>
      </c>
      <c r="I29" s="125" t="s">
        <v>98</v>
      </c>
      <c r="J29" s="129"/>
      <c r="K29" s="55" t="s">
        <v>1</v>
      </c>
      <c r="L29" s="125" t="s">
        <v>110</v>
      </c>
      <c r="M29" s="125"/>
      <c r="N29" s="129"/>
      <c r="O29" s="55" t="s">
        <v>1</v>
      </c>
      <c r="P29" s="125" t="s">
        <v>29</v>
      </c>
      <c r="Q29" s="129"/>
      <c r="R29" s="55" t="s">
        <v>1</v>
      </c>
      <c r="S29" s="125" t="s">
        <v>111</v>
      </c>
      <c r="T29" s="125"/>
      <c r="U29" s="129"/>
      <c r="V29" s="55" t="s">
        <v>1</v>
      </c>
      <c r="W29" s="125" t="s">
        <v>111</v>
      </c>
      <c r="X29" s="125"/>
      <c r="Y29" s="126"/>
      <c r="Z29" s="4"/>
    </row>
    <row r="30" spans="1:28" customFormat="1" ht="28.5" customHeight="1">
      <c r="A30" s="64" t="s">
        <v>1</v>
      </c>
      <c r="B30" s="101" t="s">
        <v>1</v>
      </c>
      <c r="C30" s="102"/>
      <c r="D30" s="109" t="s">
        <v>25</v>
      </c>
      <c r="E30" s="110"/>
      <c r="F30" s="111" t="s">
        <v>109</v>
      </c>
      <c r="G30" s="112"/>
      <c r="H30" s="36" t="s">
        <v>1</v>
      </c>
      <c r="I30" s="99" t="s">
        <v>98</v>
      </c>
      <c r="J30" s="107"/>
      <c r="K30" s="31" t="s">
        <v>1</v>
      </c>
      <c r="L30" s="99" t="s">
        <v>110</v>
      </c>
      <c r="M30" s="99"/>
      <c r="N30" s="107"/>
      <c r="O30" s="31" t="s">
        <v>1</v>
      </c>
      <c r="P30" s="99" t="s">
        <v>29</v>
      </c>
      <c r="Q30" s="107"/>
      <c r="R30" s="31" t="s">
        <v>1</v>
      </c>
      <c r="S30" s="99" t="s">
        <v>111</v>
      </c>
      <c r="T30" s="99"/>
      <c r="U30" s="107"/>
      <c r="V30" s="31" t="s">
        <v>1</v>
      </c>
      <c r="W30" s="99" t="s">
        <v>111</v>
      </c>
      <c r="X30" s="99"/>
      <c r="Y30" s="100"/>
      <c r="Z30" s="4"/>
    </row>
    <row r="31" spans="1:28" customFormat="1" ht="28.5" hidden="1" customHeight="1">
      <c r="A31" s="64" t="e">
        <v>#REF!</v>
      </c>
      <c r="B31" s="101" t="e">
        <v>#REF!</v>
      </c>
      <c r="C31" s="102"/>
      <c r="D31" s="109" t="e">
        <v>#REF!</v>
      </c>
      <c r="E31" s="110"/>
      <c r="F31" s="111" t="e">
        <v>#REF!</v>
      </c>
      <c r="G31" s="112"/>
      <c r="H31" s="36" t="e">
        <v>#REF!</v>
      </c>
      <c r="I31" s="99" t="e">
        <v>#REF!</v>
      </c>
      <c r="J31" s="107"/>
      <c r="K31" s="31" t="e">
        <v>#REF!</v>
      </c>
      <c r="L31" s="99" t="e">
        <v>#REF!</v>
      </c>
      <c r="M31" s="99"/>
      <c r="N31" s="107"/>
      <c r="O31" s="31" t="e">
        <v>#REF!</v>
      </c>
      <c r="P31" s="99" t="e">
        <v>#REF!</v>
      </c>
      <c r="Q31" s="107"/>
      <c r="R31" s="31" t="e">
        <v>#REF!</v>
      </c>
      <c r="S31" s="99" t="e">
        <v>#REF!</v>
      </c>
      <c r="T31" s="99"/>
      <c r="U31" s="107"/>
      <c r="V31" s="31" t="e">
        <v>#REF!</v>
      </c>
      <c r="W31" s="99" t="e">
        <v>#REF!</v>
      </c>
      <c r="X31" s="99"/>
      <c r="Y31" s="100"/>
      <c r="Z31" s="4"/>
    </row>
    <row r="32" spans="1:28" customFormat="1" ht="28.5" hidden="1" customHeight="1">
      <c r="A32" s="64" t="e">
        <v>#REF!</v>
      </c>
      <c r="B32" s="101" t="e">
        <v>#REF!</v>
      </c>
      <c r="C32" s="102"/>
      <c r="D32" s="109" t="e">
        <v>#REF!</v>
      </c>
      <c r="E32" s="110"/>
      <c r="F32" s="111" t="e">
        <v>#REF!</v>
      </c>
      <c r="G32" s="112"/>
      <c r="H32" s="36" t="e">
        <v>#REF!</v>
      </c>
      <c r="I32" s="99" t="e">
        <v>#REF!</v>
      </c>
      <c r="J32" s="107"/>
      <c r="K32" s="31" t="e">
        <v>#REF!</v>
      </c>
      <c r="L32" s="99" t="e">
        <v>#REF!</v>
      </c>
      <c r="M32" s="99"/>
      <c r="N32" s="107"/>
      <c r="O32" s="31" t="e">
        <v>#REF!</v>
      </c>
      <c r="P32" s="99" t="e">
        <v>#REF!</v>
      </c>
      <c r="Q32" s="107"/>
      <c r="R32" s="31" t="e">
        <v>#REF!</v>
      </c>
      <c r="S32" s="99" t="e">
        <v>#REF!</v>
      </c>
      <c r="T32" s="99"/>
      <c r="U32" s="107"/>
      <c r="V32" s="31" t="e">
        <v>#REF!</v>
      </c>
      <c r="W32" s="99" t="e">
        <v>#REF!</v>
      </c>
      <c r="X32" s="99"/>
      <c r="Y32" s="100"/>
      <c r="Z32" s="4"/>
    </row>
    <row r="33" spans="1:26" customFormat="1" ht="28.5" hidden="1" customHeight="1">
      <c r="A33" s="64" t="e">
        <v>#REF!</v>
      </c>
      <c r="B33" s="101" t="e">
        <v>#REF!</v>
      </c>
      <c r="C33" s="102"/>
      <c r="D33" s="109" t="e">
        <v>#REF!</v>
      </c>
      <c r="E33" s="110"/>
      <c r="F33" s="111" t="e">
        <v>#REF!</v>
      </c>
      <c r="G33" s="112"/>
      <c r="H33" s="36" t="e">
        <v>#REF!</v>
      </c>
      <c r="I33" s="99" t="e">
        <v>#REF!</v>
      </c>
      <c r="J33" s="107"/>
      <c r="K33" s="31" t="e">
        <v>#REF!</v>
      </c>
      <c r="L33" s="99" t="e">
        <v>#REF!</v>
      </c>
      <c r="M33" s="99"/>
      <c r="N33" s="107"/>
      <c r="O33" s="31" t="e">
        <v>#REF!</v>
      </c>
      <c r="P33" s="99" t="e">
        <v>#REF!</v>
      </c>
      <c r="Q33" s="107"/>
      <c r="R33" s="31" t="e">
        <v>#REF!</v>
      </c>
      <c r="S33" s="99" t="e">
        <v>#REF!</v>
      </c>
      <c r="T33" s="99"/>
      <c r="U33" s="107"/>
      <c r="V33" s="31" t="e">
        <v>#REF!</v>
      </c>
      <c r="W33" s="99" t="e">
        <v>#REF!</v>
      </c>
      <c r="X33" s="99"/>
      <c r="Y33" s="100"/>
      <c r="Z33" s="4"/>
    </row>
    <row r="34" spans="1:26" customFormat="1" ht="28.5" hidden="1" customHeight="1">
      <c r="A34" s="64" t="e">
        <v>#REF!</v>
      </c>
      <c r="B34" s="101" t="e">
        <v>#REF!</v>
      </c>
      <c r="C34" s="102"/>
      <c r="D34" s="109" t="e">
        <v>#REF!</v>
      </c>
      <c r="E34" s="110"/>
      <c r="F34" s="111" t="e">
        <v>#REF!</v>
      </c>
      <c r="G34" s="112"/>
      <c r="H34" s="36" t="e">
        <v>#REF!</v>
      </c>
      <c r="I34" s="99" t="e">
        <v>#REF!</v>
      </c>
      <c r="J34" s="107"/>
      <c r="K34" s="31" t="e">
        <v>#REF!</v>
      </c>
      <c r="L34" s="99" t="e">
        <v>#REF!</v>
      </c>
      <c r="M34" s="99"/>
      <c r="N34" s="107"/>
      <c r="O34" s="31" t="e">
        <v>#REF!</v>
      </c>
      <c r="P34" s="99" t="e">
        <v>#REF!</v>
      </c>
      <c r="Q34" s="107"/>
      <c r="R34" s="31" t="e">
        <v>#REF!</v>
      </c>
      <c r="S34" s="99" t="e">
        <v>#REF!</v>
      </c>
      <c r="T34" s="99"/>
      <c r="U34" s="107"/>
      <c r="V34" s="31" t="e">
        <v>#REF!</v>
      </c>
      <c r="W34" s="99" t="e">
        <v>#REF!</v>
      </c>
      <c r="X34" s="99"/>
      <c r="Y34" s="100"/>
      <c r="Z34" s="4"/>
    </row>
    <row r="35" spans="1:26" customFormat="1" ht="28.5" hidden="1" customHeight="1">
      <c r="A35" s="64" t="e">
        <v>#REF!</v>
      </c>
      <c r="B35" s="101" t="e">
        <v>#REF!</v>
      </c>
      <c r="C35" s="102"/>
      <c r="D35" s="109" t="e">
        <v>#REF!</v>
      </c>
      <c r="E35" s="110"/>
      <c r="F35" s="111" t="e">
        <v>#REF!</v>
      </c>
      <c r="G35" s="112"/>
      <c r="H35" s="36" t="e">
        <v>#REF!</v>
      </c>
      <c r="I35" s="99" t="e">
        <v>#REF!</v>
      </c>
      <c r="J35" s="107"/>
      <c r="K35" s="31" t="e">
        <v>#REF!</v>
      </c>
      <c r="L35" s="99" t="e">
        <v>#REF!</v>
      </c>
      <c r="M35" s="99"/>
      <c r="N35" s="107"/>
      <c r="O35" s="31" t="e">
        <v>#REF!</v>
      </c>
      <c r="P35" s="99" t="e">
        <v>#REF!</v>
      </c>
      <c r="Q35" s="107"/>
      <c r="R35" s="31" t="e">
        <v>#REF!</v>
      </c>
      <c r="S35" s="99" t="e">
        <v>#REF!</v>
      </c>
      <c r="T35" s="99"/>
      <c r="U35" s="107"/>
      <c r="V35" s="31" t="e">
        <v>#REF!</v>
      </c>
      <c r="W35" s="99" t="e">
        <v>#REF!</v>
      </c>
      <c r="X35" s="99"/>
      <c r="Y35" s="100"/>
      <c r="Z35" s="4"/>
    </row>
    <row r="36" spans="1:26" customFormat="1" ht="28.5" hidden="1" customHeight="1">
      <c r="A36" s="64" t="e">
        <v>#REF!</v>
      </c>
      <c r="B36" s="101" t="e">
        <v>#REF!</v>
      </c>
      <c r="C36" s="102"/>
      <c r="D36" s="109" t="e">
        <v>#REF!</v>
      </c>
      <c r="E36" s="110"/>
      <c r="F36" s="111" t="e">
        <v>#REF!</v>
      </c>
      <c r="G36" s="112"/>
      <c r="H36" s="36" t="e">
        <v>#REF!</v>
      </c>
      <c r="I36" s="99" t="e">
        <v>#REF!</v>
      </c>
      <c r="J36" s="107"/>
      <c r="K36" s="31" t="e">
        <v>#REF!</v>
      </c>
      <c r="L36" s="99" t="e">
        <v>#REF!</v>
      </c>
      <c r="M36" s="99"/>
      <c r="N36" s="107"/>
      <c r="O36" s="31" t="e">
        <v>#REF!</v>
      </c>
      <c r="P36" s="99" t="e">
        <v>#REF!</v>
      </c>
      <c r="Q36" s="107"/>
      <c r="R36" s="31" t="e">
        <v>#REF!</v>
      </c>
      <c r="S36" s="99" t="e">
        <v>#REF!</v>
      </c>
      <c r="T36" s="99"/>
      <c r="U36" s="107"/>
      <c r="V36" s="31" t="e">
        <v>#REF!</v>
      </c>
      <c r="W36" s="99" t="e">
        <v>#REF!</v>
      </c>
      <c r="X36" s="99"/>
      <c r="Y36" s="100"/>
      <c r="Z36" s="4"/>
    </row>
    <row r="37" spans="1:26" customFormat="1" ht="28.5" hidden="1" customHeight="1">
      <c r="A37" s="64" t="e">
        <v>#REF!</v>
      </c>
      <c r="B37" s="101" t="e">
        <v>#REF!</v>
      </c>
      <c r="C37" s="102"/>
      <c r="D37" s="109" t="e">
        <v>#REF!</v>
      </c>
      <c r="E37" s="110"/>
      <c r="F37" s="111" t="e">
        <v>#REF!</v>
      </c>
      <c r="G37" s="112"/>
      <c r="H37" s="36" t="e">
        <v>#REF!</v>
      </c>
      <c r="I37" s="99" t="e">
        <v>#REF!</v>
      </c>
      <c r="J37" s="107"/>
      <c r="K37" s="31" t="e">
        <v>#REF!</v>
      </c>
      <c r="L37" s="99" t="e">
        <v>#REF!</v>
      </c>
      <c r="M37" s="99"/>
      <c r="N37" s="107"/>
      <c r="O37" s="31" t="e">
        <v>#REF!</v>
      </c>
      <c r="P37" s="99" t="e">
        <v>#REF!</v>
      </c>
      <c r="Q37" s="107"/>
      <c r="R37" s="31" t="e">
        <v>#REF!</v>
      </c>
      <c r="S37" s="99" t="e">
        <v>#REF!</v>
      </c>
      <c r="T37" s="99"/>
      <c r="U37" s="107"/>
      <c r="V37" s="31" t="e">
        <v>#REF!</v>
      </c>
      <c r="W37" s="99" t="e">
        <v>#REF!</v>
      </c>
      <c r="X37" s="99"/>
      <c r="Y37" s="100"/>
      <c r="Z37" s="4"/>
    </row>
    <row r="38" spans="1:26" customFormat="1" ht="28.5" hidden="1" customHeight="1">
      <c r="A38" s="64" t="e">
        <v>#REF!</v>
      </c>
      <c r="B38" s="101" t="e">
        <v>#REF!</v>
      </c>
      <c r="C38" s="102"/>
      <c r="D38" s="109" t="e">
        <v>#REF!</v>
      </c>
      <c r="E38" s="110"/>
      <c r="F38" s="111" t="e">
        <v>#REF!</v>
      </c>
      <c r="G38" s="112"/>
      <c r="H38" s="36" t="e">
        <v>#REF!</v>
      </c>
      <c r="I38" s="99" t="e">
        <v>#REF!</v>
      </c>
      <c r="J38" s="107"/>
      <c r="K38" s="31" t="e">
        <v>#REF!</v>
      </c>
      <c r="L38" s="99" t="e">
        <v>#REF!</v>
      </c>
      <c r="M38" s="99"/>
      <c r="N38" s="107"/>
      <c r="O38" s="31" t="e">
        <v>#REF!</v>
      </c>
      <c r="P38" s="99" t="e">
        <v>#REF!</v>
      </c>
      <c r="Q38" s="107"/>
      <c r="R38" s="31" t="e">
        <v>#REF!</v>
      </c>
      <c r="S38" s="99" t="e">
        <v>#REF!</v>
      </c>
      <c r="T38" s="99"/>
      <c r="U38" s="107"/>
      <c r="V38" s="31" t="e">
        <v>#REF!</v>
      </c>
      <c r="W38" s="99" t="e">
        <v>#REF!</v>
      </c>
      <c r="X38" s="99"/>
      <c r="Y38" s="100"/>
      <c r="Z38" s="4"/>
    </row>
    <row r="39" spans="1:26" customFormat="1" ht="28.5" hidden="1" customHeight="1">
      <c r="A39" s="64" t="e">
        <v>#REF!</v>
      </c>
      <c r="B39" s="101" t="e">
        <v>#REF!</v>
      </c>
      <c r="C39" s="102"/>
      <c r="D39" s="109" t="e">
        <v>#REF!</v>
      </c>
      <c r="E39" s="110"/>
      <c r="F39" s="111" t="e">
        <v>#REF!</v>
      </c>
      <c r="G39" s="112"/>
      <c r="H39" s="36" t="e">
        <v>#REF!</v>
      </c>
      <c r="I39" s="99" t="e">
        <v>#REF!</v>
      </c>
      <c r="J39" s="107"/>
      <c r="K39" s="31" t="e">
        <v>#REF!</v>
      </c>
      <c r="L39" s="99" t="e">
        <v>#REF!</v>
      </c>
      <c r="M39" s="99"/>
      <c r="N39" s="107"/>
      <c r="O39" s="31" t="e">
        <v>#REF!</v>
      </c>
      <c r="P39" s="99" t="e">
        <v>#REF!</v>
      </c>
      <c r="Q39" s="107"/>
      <c r="R39" s="31" t="e">
        <v>#REF!</v>
      </c>
      <c r="S39" s="99" t="e">
        <v>#REF!</v>
      </c>
      <c r="T39" s="99"/>
      <c r="U39" s="107"/>
      <c r="V39" s="31" t="e">
        <v>#REF!</v>
      </c>
      <c r="W39" s="99" t="e">
        <v>#REF!</v>
      </c>
      <c r="X39" s="99"/>
      <c r="Y39" s="100"/>
      <c r="Z39" s="4"/>
    </row>
    <row r="40" spans="1:26" customFormat="1" ht="28.5" hidden="1" customHeight="1">
      <c r="A40" s="64" t="e">
        <v>#REF!</v>
      </c>
      <c r="B40" s="101" t="e">
        <v>#REF!</v>
      </c>
      <c r="C40" s="102"/>
      <c r="D40" s="109" t="e">
        <v>#REF!</v>
      </c>
      <c r="E40" s="110"/>
      <c r="F40" s="111" t="e">
        <v>#REF!</v>
      </c>
      <c r="G40" s="112"/>
      <c r="H40" s="36" t="e">
        <v>#REF!</v>
      </c>
      <c r="I40" s="99" t="e">
        <v>#REF!</v>
      </c>
      <c r="J40" s="107"/>
      <c r="K40" s="31" t="e">
        <v>#REF!</v>
      </c>
      <c r="L40" s="99" t="e">
        <v>#REF!</v>
      </c>
      <c r="M40" s="99"/>
      <c r="N40" s="107"/>
      <c r="O40" s="31" t="e">
        <v>#REF!</v>
      </c>
      <c r="P40" s="99" t="e">
        <v>#REF!</v>
      </c>
      <c r="Q40" s="107"/>
      <c r="R40" s="31" t="e">
        <v>#REF!</v>
      </c>
      <c r="S40" s="99" t="e">
        <v>#REF!</v>
      </c>
      <c r="T40" s="99"/>
      <c r="U40" s="107"/>
      <c r="V40" s="31" t="e">
        <v>#REF!</v>
      </c>
      <c r="W40" s="99" t="e">
        <v>#REF!</v>
      </c>
      <c r="X40" s="99"/>
      <c r="Y40" s="100"/>
      <c r="Z40" s="4"/>
    </row>
    <row r="41" spans="1:26" customFormat="1" ht="28.5" hidden="1" customHeight="1">
      <c r="A41" s="64" t="e">
        <v>#REF!</v>
      </c>
      <c r="B41" s="101" t="e">
        <v>#REF!</v>
      </c>
      <c r="C41" s="102"/>
      <c r="D41" s="109" t="e">
        <v>#REF!</v>
      </c>
      <c r="E41" s="110"/>
      <c r="F41" s="111" t="e">
        <v>#REF!</v>
      </c>
      <c r="G41" s="112"/>
      <c r="H41" s="36" t="e">
        <v>#REF!</v>
      </c>
      <c r="I41" s="99" t="e">
        <v>#REF!</v>
      </c>
      <c r="J41" s="107"/>
      <c r="K41" s="31" t="e">
        <v>#REF!</v>
      </c>
      <c r="L41" s="99" t="e">
        <v>#REF!</v>
      </c>
      <c r="M41" s="99"/>
      <c r="N41" s="107"/>
      <c r="O41" s="31" t="e">
        <v>#REF!</v>
      </c>
      <c r="P41" s="99" t="e">
        <v>#REF!</v>
      </c>
      <c r="Q41" s="107"/>
      <c r="R41" s="31" t="e">
        <v>#REF!</v>
      </c>
      <c r="S41" s="99" t="e">
        <v>#REF!</v>
      </c>
      <c r="T41" s="99"/>
      <c r="U41" s="107"/>
      <c r="V41" s="31" t="e">
        <v>#REF!</v>
      </c>
      <c r="W41" s="99" t="e">
        <v>#REF!</v>
      </c>
      <c r="X41" s="99"/>
      <c r="Y41" s="100"/>
      <c r="Z41" s="4"/>
    </row>
    <row r="42" spans="1:26" customFormat="1" ht="28.5" hidden="1" customHeight="1">
      <c r="A42" s="64" t="e">
        <v>#REF!</v>
      </c>
      <c r="B42" s="101" t="e">
        <v>#REF!</v>
      </c>
      <c r="C42" s="102"/>
      <c r="D42" s="109" t="e">
        <v>#REF!</v>
      </c>
      <c r="E42" s="110"/>
      <c r="F42" s="111" t="e">
        <v>#REF!</v>
      </c>
      <c r="G42" s="112"/>
      <c r="H42" s="36" t="e">
        <v>#REF!</v>
      </c>
      <c r="I42" s="99" t="e">
        <v>#REF!</v>
      </c>
      <c r="J42" s="107"/>
      <c r="K42" s="31" t="e">
        <v>#REF!</v>
      </c>
      <c r="L42" s="99" t="e">
        <v>#REF!</v>
      </c>
      <c r="M42" s="99"/>
      <c r="N42" s="107"/>
      <c r="O42" s="31" t="e">
        <v>#REF!</v>
      </c>
      <c r="P42" s="99" t="e">
        <v>#REF!</v>
      </c>
      <c r="Q42" s="107"/>
      <c r="R42" s="31" t="e">
        <v>#REF!</v>
      </c>
      <c r="S42" s="99" t="e">
        <v>#REF!</v>
      </c>
      <c r="T42" s="99"/>
      <c r="U42" s="107"/>
      <c r="V42" s="31" t="e">
        <v>#REF!</v>
      </c>
      <c r="W42" s="99" t="e">
        <v>#REF!</v>
      </c>
      <c r="X42" s="99"/>
      <c r="Y42" s="100"/>
      <c r="Z42" s="4"/>
    </row>
    <row r="43" spans="1:26" customFormat="1" ht="28.5" hidden="1" customHeight="1">
      <c r="A43" s="64" t="e">
        <v>#REF!</v>
      </c>
      <c r="B43" s="101" t="e">
        <v>#REF!</v>
      </c>
      <c r="C43" s="102"/>
      <c r="D43" s="109" t="e">
        <v>#REF!</v>
      </c>
      <c r="E43" s="110"/>
      <c r="F43" s="111" t="e">
        <v>#REF!</v>
      </c>
      <c r="G43" s="112"/>
      <c r="H43" s="36" t="e">
        <v>#REF!</v>
      </c>
      <c r="I43" s="99" t="e">
        <v>#REF!</v>
      </c>
      <c r="J43" s="107"/>
      <c r="K43" s="31" t="e">
        <v>#REF!</v>
      </c>
      <c r="L43" s="99" t="e">
        <v>#REF!</v>
      </c>
      <c r="M43" s="99"/>
      <c r="N43" s="107"/>
      <c r="O43" s="31" t="e">
        <v>#REF!</v>
      </c>
      <c r="P43" s="99" t="e">
        <v>#REF!</v>
      </c>
      <c r="Q43" s="107"/>
      <c r="R43" s="31" t="e">
        <v>#REF!</v>
      </c>
      <c r="S43" s="99" t="e">
        <v>#REF!</v>
      </c>
      <c r="T43" s="99"/>
      <c r="U43" s="107"/>
      <c r="V43" s="31" t="e">
        <v>#REF!</v>
      </c>
      <c r="W43" s="99" t="e">
        <v>#REF!</v>
      </c>
      <c r="X43" s="99"/>
      <c r="Y43" s="100"/>
      <c r="Z43" s="4"/>
    </row>
    <row r="44" spans="1:26" customFormat="1" ht="28.5" hidden="1" customHeight="1">
      <c r="A44" s="64" t="e">
        <v>#REF!</v>
      </c>
      <c r="B44" s="101" t="e">
        <v>#REF!</v>
      </c>
      <c r="C44" s="102"/>
      <c r="D44" s="136" t="e">
        <v>#REF!</v>
      </c>
      <c r="E44" s="137"/>
      <c r="F44" s="138" t="e">
        <v>#REF!</v>
      </c>
      <c r="G44" s="139"/>
      <c r="H44" s="45" t="e">
        <v>#REF!</v>
      </c>
      <c r="I44" s="133" t="e">
        <v>#REF!</v>
      </c>
      <c r="J44" s="134"/>
      <c r="K44" s="46" t="e">
        <v>#REF!</v>
      </c>
      <c r="L44" s="133" t="e">
        <v>#REF!</v>
      </c>
      <c r="M44" s="133"/>
      <c r="N44" s="134"/>
      <c r="O44" s="46" t="e">
        <v>#REF!</v>
      </c>
      <c r="P44" s="133" t="e">
        <v>#REF!</v>
      </c>
      <c r="Q44" s="134"/>
      <c r="R44" s="46" t="e">
        <v>#REF!</v>
      </c>
      <c r="S44" s="133" t="e">
        <v>#REF!</v>
      </c>
      <c r="T44" s="133"/>
      <c r="U44" s="134"/>
      <c r="V44" s="46" t="e">
        <v>#REF!</v>
      </c>
      <c r="W44" s="133" t="e">
        <v>#REF!</v>
      </c>
      <c r="X44" s="133"/>
      <c r="Y44" s="135"/>
      <c r="Z44" s="4"/>
    </row>
    <row r="45" spans="1:26" s="6" customFormat="1" ht="28.5" customHeight="1">
      <c r="A45" s="158" t="s">
        <v>4</v>
      </c>
      <c r="B45" s="159"/>
      <c r="C45" s="159"/>
      <c r="D45" s="159"/>
      <c r="E45" s="159"/>
      <c r="F45" s="159"/>
      <c r="G45" s="159"/>
      <c r="H45" s="66" t="s">
        <v>1</v>
      </c>
      <c r="I45" s="119" t="s">
        <v>98</v>
      </c>
      <c r="J45" s="120"/>
      <c r="K45" s="61" t="s">
        <v>1</v>
      </c>
      <c r="L45" s="119" t="s">
        <v>110</v>
      </c>
      <c r="M45" s="119"/>
      <c r="N45" s="120"/>
      <c r="O45" s="61" t="s">
        <v>1</v>
      </c>
      <c r="P45" s="119" t="s">
        <v>29</v>
      </c>
      <c r="Q45" s="120"/>
      <c r="R45" s="61" t="s">
        <v>1</v>
      </c>
      <c r="S45" s="119" t="s">
        <v>111</v>
      </c>
      <c r="T45" s="119"/>
      <c r="U45" s="120"/>
      <c r="V45" s="61" t="s">
        <v>1</v>
      </c>
      <c r="W45" s="119" t="s">
        <v>111</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112</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3">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G10:I10"/>
    <mergeCell ref="J10:L10"/>
    <mergeCell ref="N10:P10"/>
    <mergeCell ref="Q10:S10"/>
    <mergeCell ref="U10:W10"/>
    <mergeCell ref="C9:D9"/>
    <mergeCell ref="E9:F9"/>
    <mergeCell ref="G9:I9"/>
    <mergeCell ref="J9:L9"/>
    <mergeCell ref="N9:P9"/>
    <mergeCell ref="Q9:S9"/>
    <mergeCell ref="A10:F10"/>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B243"/>
  <sheetViews>
    <sheetView showGridLines="0" view="pageBreakPreview" topLeftCell="A11" zoomScaleNormal="115"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113</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114</v>
      </c>
      <c r="C6" s="109" t="s">
        <v>1</v>
      </c>
      <c r="D6" s="110"/>
      <c r="E6" s="187" t="s">
        <v>1</v>
      </c>
      <c r="F6" s="188"/>
      <c r="G6" s="189" t="s">
        <v>115</v>
      </c>
      <c r="H6" s="189"/>
      <c r="I6" s="189"/>
      <c r="J6" s="175" t="s">
        <v>116</v>
      </c>
      <c r="K6" s="175"/>
      <c r="L6" s="175"/>
      <c r="M6" s="53" t="s">
        <v>1</v>
      </c>
      <c r="N6" s="125" t="s">
        <v>116</v>
      </c>
      <c r="O6" s="125"/>
      <c r="P6" s="129"/>
      <c r="Q6" s="175" t="s">
        <v>29</v>
      </c>
      <c r="R6" s="175"/>
      <c r="S6" s="175"/>
      <c r="T6" s="54"/>
      <c r="U6" s="125" t="s">
        <v>29</v>
      </c>
      <c r="V6" s="125"/>
      <c r="W6" s="129"/>
      <c r="X6" s="55" t="s">
        <v>39</v>
      </c>
      <c r="Y6" s="56" t="s">
        <v>117</v>
      </c>
      <c r="Z6" s="20"/>
      <c r="AA6" s="14"/>
      <c r="AB6" s="20"/>
    </row>
    <row r="7" spans="1:28" customFormat="1" ht="29.1" customHeight="1">
      <c r="A7" s="63" t="s">
        <v>1</v>
      </c>
      <c r="B7" s="51" t="s">
        <v>1</v>
      </c>
      <c r="C7" s="109" t="s">
        <v>25</v>
      </c>
      <c r="D7" s="110"/>
      <c r="E7" s="140" t="s">
        <v>77</v>
      </c>
      <c r="F7" s="141"/>
      <c r="G7" s="155" t="s">
        <v>118</v>
      </c>
      <c r="H7" s="155"/>
      <c r="I7" s="155"/>
      <c r="J7" s="156" t="s">
        <v>119</v>
      </c>
      <c r="K7" s="156"/>
      <c r="L7" s="156"/>
      <c r="M7" s="57" t="s">
        <v>1</v>
      </c>
      <c r="N7" s="99" t="s">
        <v>119</v>
      </c>
      <c r="O7" s="99"/>
      <c r="P7" s="107"/>
      <c r="Q7" s="156" t="s">
        <v>29</v>
      </c>
      <c r="R7" s="156"/>
      <c r="S7" s="156"/>
      <c r="T7" s="58"/>
      <c r="U7" s="99" t="s">
        <v>29</v>
      </c>
      <c r="V7" s="99"/>
      <c r="W7" s="107"/>
      <c r="X7" s="31" t="s">
        <v>39</v>
      </c>
      <c r="Y7" s="52" t="s">
        <v>120</v>
      </c>
      <c r="Z7" s="20"/>
      <c r="AA7" s="20"/>
      <c r="AB7" s="20"/>
    </row>
    <row r="8" spans="1:28" customFormat="1" ht="29.1" customHeight="1">
      <c r="A8" s="63" t="s">
        <v>1</v>
      </c>
      <c r="B8" s="51" t="s">
        <v>1</v>
      </c>
      <c r="C8" s="109" t="s">
        <v>35</v>
      </c>
      <c r="D8" s="110"/>
      <c r="E8" s="140" t="s">
        <v>121</v>
      </c>
      <c r="F8" s="141"/>
      <c r="G8" s="155" t="s">
        <v>122</v>
      </c>
      <c r="H8" s="155"/>
      <c r="I8" s="155"/>
      <c r="J8" s="156" t="s">
        <v>123</v>
      </c>
      <c r="K8" s="156"/>
      <c r="L8" s="156"/>
      <c r="M8" s="57" t="s">
        <v>1</v>
      </c>
      <c r="N8" s="99" t="s">
        <v>123</v>
      </c>
      <c r="O8" s="99"/>
      <c r="P8" s="107"/>
      <c r="Q8" s="156" t="s">
        <v>29</v>
      </c>
      <c r="R8" s="156"/>
      <c r="S8" s="156"/>
      <c r="T8" s="58"/>
      <c r="U8" s="99" t="s">
        <v>29</v>
      </c>
      <c r="V8" s="99"/>
      <c r="W8" s="107"/>
      <c r="X8" s="31" t="s">
        <v>39</v>
      </c>
      <c r="Y8" s="52" t="s">
        <v>124</v>
      </c>
      <c r="Z8" s="20"/>
      <c r="AA8" s="20"/>
      <c r="AB8" s="20"/>
    </row>
    <row r="9" spans="1:28" customFormat="1" ht="29.1" customHeight="1">
      <c r="A9" s="63" t="s">
        <v>1</v>
      </c>
      <c r="B9" s="51" t="s">
        <v>1</v>
      </c>
      <c r="C9" s="109" t="s">
        <v>41</v>
      </c>
      <c r="D9" s="110"/>
      <c r="E9" s="140" t="s">
        <v>36</v>
      </c>
      <c r="F9" s="141"/>
      <c r="G9" s="155" t="s">
        <v>125</v>
      </c>
      <c r="H9" s="155"/>
      <c r="I9" s="155"/>
      <c r="J9" s="156" t="s">
        <v>126</v>
      </c>
      <c r="K9" s="156"/>
      <c r="L9" s="156"/>
      <c r="M9" s="57" t="s">
        <v>1</v>
      </c>
      <c r="N9" s="99" t="s">
        <v>126</v>
      </c>
      <c r="O9" s="99"/>
      <c r="P9" s="107"/>
      <c r="Q9" s="156" t="s">
        <v>29</v>
      </c>
      <c r="R9" s="156"/>
      <c r="S9" s="156"/>
      <c r="T9" s="58"/>
      <c r="U9" s="99" t="s">
        <v>29</v>
      </c>
      <c r="V9" s="99"/>
      <c r="W9" s="107"/>
      <c r="X9" s="31" t="s">
        <v>39</v>
      </c>
      <c r="Y9" s="52" t="s">
        <v>127</v>
      </c>
      <c r="Z9" s="20"/>
      <c r="AA9" s="20"/>
      <c r="AB9" s="20"/>
    </row>
    <row r="10" spans="1:28" customFormat="1" ht="29.1" customHeight="1">
      <c r="A10" s="63" t="s">
        <v>1</v>
      </c>
      <c r="B10" s="51" t="s">
        <v>1</v>
      </c>
      <c r="C10" s="109" t="s">
        <v>46</v>
      </c>
      <c r="D10" s="110"/>
      <c r="E10" s="140" t="s">
        <v>42</v>
      </c>
      <c r="F10" s="141"/>
      <c r="G10" s="155" t="s">
        <v>128</v>
      </c>
      <c r="H10" s="155"/>
      <c r="I10" s="155"/>
      <c r="J10" s="156" t="s">
        <v>29</v>
      </c>
      <c r="K10" s="156"/>
      <c r="L10" s="156"/>
      <c r="M10" s="57" t="s">
        <v>1</v>
      </c>
      <c r="N10" s="99" t="s">
        <v>29</v>
      </c>
      <c r="O10" s="99"/>
      <c r="P10" s="107"/>
      <c r="Q10" s="156" t="s">
        <v>29</v>
      </c>
      <c r="R10" s="156"/>
      <c r="S10" s="156"/>
      <c r="T10" s="58"/>
      <c r="U10" s="99" t="s">
        <v>29</v>
      </c>
      <c r="V10" s="99"/>
      <c r="W10" s="107"/>
      <c r="X10" s="31" t="s">
        <v>39</v>
      </c>
      <c r="Y10" s="52" t="s">
        <v>128</v>
      </c>
      <c r="Z10" s="20"/>
      <c r="AA10" s="20"/>
      <c r="AB10" s="20"/>
    </row>
    <row r="11" spans="1:28" customFormat="1" ht="29.1" customHeight="1">
      <c r="A11" s="63" t="s">
        <v>1</v>
      </c>
      <c r="B11" s="51" t="s">
        <v>1</v>
      </c>
      <c r="C11" s="109" t="s">
        <v>129</v>
      </c>
      <c r="D11" s="110"/>
      <c r="E11" s="140" t="s">
        <v>47</v>
      </c>
      <c r="F11" s="141"/>
      <c r="G11" s="155" t="s">
        <v>130</v>
      </c>
      <c r="H11" s="155"/>
      <c r="I11" s="155"/>
      <c r="J11" s="156" t="s">
        <v>29</v>
      </c>
      <c r="K11" s="156"/>
      <c r="L11" s="156"/>
      <c r="M11" s="57" t="s">
        <v>1</v>
      </c>
      <c r="N11" s="99" t="s">
        <v>29</v>
      </c>
      <c r="O11" s="99"/>
      <c r="P11" s="107"/>
      <c r="Q11" s="156" t="s">
        <v>29</v>
      </c>
      <c r="R11" s="156"/>
      <c r="S11" s="156"/>
      <c r="T11" s="58"/>
      <c r="U11" s="99" t="s">
        <v>29</v>
      </c>
      <c r="V11" s="99"/>
      <c r="W11" s="107"/>
      <c r="X11" s="31" t="s">
        <v>39</v>
      </c>
      <c r="Y11" s="52" t="s">
        <v>130</v>
      </c>
      <c r="Z11" s="20"/>
      <c r="AA11" s="20"/>
      <c r="AB11" s="20"/>
    </row>
    <row r="12" spans="1:28" customFormat="1" ht="29.1" hidden="1" customHeight="1">
      <c r="A12" s="63" t="s">
        <v>51</v>
      </c>
      <c r="B12" s="51" t="s">
        <v>1</v>
      </c>
      <c r="C12" s="109" t="s">
        <v>1</v>
      </c>
      <c r="D12" s="110"/>
      <c r="E12" s="140" t="s">
        <v>1</v>
      </c>
      <c r="F12" s="141"/>
      <c r="G12" s="155" t="s">
        <v>115</v>
      </c>
      <c r="H12" s="155"/>
      <c r="I12" s="155"/>
      <c r="J12" s="156" t="s">
        <v>116</v>
      </c>
      <c r="K12" s="156"/>
      <c r="L12" s="156"/>
      <c r="M12" s="57" t="s">
        <v>1</v>
      </c>
      <c r="N12" s="99" t="s">
        <v>116</v>
      </c>
      <c r="O12" s="99"/>
      <c r="P12" s="107"/>
      <c r="Q12" s="156" t="s">
        <v>29</v>
      </c>
      <c r="R12" s="156"/>
      <c r="S12" s="156"/>
      <c r="T12" s="58"/>
      <c r="U12" s="99" t="s">
        <v>29</v>
      </c>
      <c r="V12" s="99"/>
      <c r="W12" s="107"/>
      <c r="X12" s="31" t="s">
        <v>39</v>
      </c>
      <c r="Y12" s="52" t="s">
        <v>117</v>
      </c>
      <c r="Z12" s="20"/>
      <c r="AA12" s="20"/>
      <c r="AB12" s="20"/>
    </row>
    <row r="13" spans="1:28" customFormat="1" ht="29.1" hidden="1" customHeight="1">
      <c r="A13" s="63" t="s">
        <v>1</v>
      </c>
      <c r="B13" s="51" t="s">
        <v>1</v>
      </c>
      <c r="C13" s="109" t="s">
        <v>1</v>
      </c>
      <c r="D13" s="110"/>
      <c r="E13" s="140" t="s">
        <v>1</v>
      </c>
      <c r="F13" s="141"/>
      <c r="G13" s="155" t="s">
        <v>1</v>
      </c>
      <c r="H13" s="155"/>
      <c r="I13" s="155"/>
      <c r="J13" s="156" t="s">
        <v>1</v>
      </c>
      <c r="K13" s="156"/>
      <c r="L13" s="156"/>
      <c r="M13" s="57" t="s">
        <v>1</v>
      </c>
      <c r="N13" s="99" t="s">
        <v>1</v>
      </c>
      <c r="O13" s="99"/>
      <c r="P13" s="107"/>
      <c r="Q13" s="156" t="s">
        <v>1</v>
      </c>
      <c r="R13" s="156"/>
      <c r="S13" s="156"/>
      <c r="T13" s="58"/>
      <c r="U13" s="99" t="s">
        <v>1</v>
      </c>
      <c r="V13" s="99"/>
      <c r="W13" s="107"/>
      <c r="X13" s="31" t="s">
        <v>1</v>
      </c>
      <c r="Y13" s="52" t="s">
        <v>1</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58"/>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customHeight="1">
      <c r="A23" s="158" t="s">
        <v>9</v>
      </c>
      <c r="B23" s="159"/>
      <c r="C23" s="159"/>
      <c r="D23" s="159"/>
      <c r="E23" s="159"/>
      <c r="F23" s="159"/>
      <c r="G23" s="160" t="s">
        <v>115</v>
      </c>
      <c r="H23" s="160"/>
      <c r="I23" s="160"/>
      <c r="J23" s="157" t="s">
        <v>116</v>
      </c>
      <c r="K23" s="157"/>
      <c r="L23" s="157"/>
      <c r="M23" s="59" t="s">
        <v>1</v>
      </c>
      <c r="N23" s="119" t="s">
        <v>116</v>
      </c>
      <c r="O23" s="119"/>
      <c r="P23" s="120"/>
      <c r="Q23" s="157" t="s">
        <v>29</v>
      </c>
      <c r="R23" s="157"/>
      <c r="S23" s="157"/>
      <c r="T23" s="60"/>
      <c r="U23" s="119" t="s">
        <v>29</v>
      </c>
      <c r="V23" s="119"/>
      <c r="W23" s="120"/>
      <c r="X23" s="61" t="s">
        <v>39</v>
      </c>
      <c r="Y23" s="62" t="s">
        <v>117</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131</v>
      </c>
      <c r="C29" s="102"/>
      <c r="D29" s="103" t="s">
        <v>1</v>
      </c>
      <c r="E29" s="104"/>
      <c r="F29" s="105" t="s">
        <v>1</v>
      </c>
      <c r="G29" s="106"/>
      <c r="H29" s="65" t="s">
        <v>1</v>
      </c>
      <c r="I29" s="125" t="s">
        <v>115</v>
      </c>
      <c r="J29" s="129"/>
      <c r="K29" s="55" t="s">
        <v>1</v>
      </c>
      <c r="L29" s="125" t="s">
        <v>132</v>
      </c>
      <c r="M29" s="125"/>
      <c r="N29" s="129"/>
      <c r="O29" s="55" t="s">
        <v>1</v>
      </c>
      <c r="P29" s="125" t="s">
        <v>29</v>
      </c>
      <c r="Q29" s="129"/>
      <c r="R29" s="55" t="s">
        <v>1</v>
      </c>
      <c r="S29" s="125" t="s">
        <v>133</v>
      </c>
      <c r="T29" s="125"/>
      <c r="U29" s="129"/>
      <c r="V29" s="55" t="s">
        <v>1</v>
      </c>
      <c r="W29" s="125" t="s">
        <v>133</v>
      </c>
      <c r="X29" s="125"/>
      <c r="Y29" s="126"/>
      <c r="Z29" s="4"/>
    </row>
    <row r="30" spans="1:28" customFormat="1" ht="28.5" customHeight="1">
      <c r="A30" s="64" t="s">
        <v>1</v>
      </c>
      <c r="B30" s="101" t="s">
        <v>1</v>
      </c>
      <c r="C30" s="102"/>
      <c r="D30" s="109" t="s">
        <v>25</v>
      </c>
      <c r="E30" s="110"/>
      <c r="F30" s="111" t="s">
        <v>134</v>
      </c>
      <c r="G30" s="112"/>
      <c r="H30" s="36" t="s">
        <v>1</v>
      </c>
      <c r="I30" s="99" t="s">
        <v>135</v>
      </c>
      <c r="J30" s="107"/>
      <c r="K30" s="31" t="s">
        <v>1</v>
      </c>
      <c r="L30" s="99" t="s">
        <v>136</v>
      </c>
      <c r="M30" s="99"/>
      <c r="N30" s="107"/>
      <c r="O30" s="31" t="s">
        <v>1</v>
      </c>
      <c r="P30" s="99" t="s">
        <v>29</v>
      </c>
      <c r="Q30" s="107"/>
      <c r="R30" s="31" t="s">
        <v>1</v>
      </c>
      <c r="S30" s="99" t="s">
        <v>137</v>
      </c>
      <c r="T30" s="99"/>
      <c r="U30" s="107"/>
      <c r="V30" s="31" t="s">
        <v>1</v>
      </c>
      <c r="W30" s="99" t="s">
        <v>137</v>
      </c>
      <c r="X30" s="99"/>
      <c r="Y30" s="100"/>
      <c r="Z30" s="4"/>
    </row>
    <row r="31" spans="1:28" customFormat="1" ht="28.5" customHeight="1">
      <c r="A31" s="64" t="s">
        <v>1</v>
      </c>
      <c r="B31" s="101" t="s">
        <v>1</v>
      </c>
      <c r="C31" s="102"/>
      <c r="D31" s="109" t="s">
        <v>35</v>
      </c>
      <c r="E31" s="110"/>
      <c r="F31" s="111" t="s">
        <v>138</v>
      </c>
      <c r="G31" s="112"/>
      <c r="H31" s="36" t="s">
        <v>1</v>
      </c>
      <c r="I31" s="99" t="s">
        <v>118</v>
      </c>
      <c r="J31" s="107"/>
      <c r="K31" s="31" t="s">
        <v>1</v>
      </c>
      <c r="L31" s="99" t="s">
        <v>119</v>
      </c>
      <c r="M31" s="99"/>
      <c r="N31" s="107"/>
      <c r="O31" s="31" t="s">
        <v>1</v>
      </c>
      <c r="P31" s="99" t="s">
        <v>29</v>
      </c>
      <c r="Q31" s="107"/>
      <c r="R31" s="31" t="s">
        <v>1</v>
      </c>
      <c r="S31" s="99" t="s">
        <v>120</v>
      </c>
      <c r="T31" s="99"/>
      <c r="U31" s="107"/>
      <c r="V31" s="31" t="s">
        <v>1</v>
      </c>
      <c r="W31" s="99" t="s">
        <v>120</v>
      </c>
      <c r="X31" s="99"/>
      <c r="Y31" s="100"/>
      <c r="Z31" s="4"/>
    </row>
    <row r="32" spans="1:28" customFormat="1" ht="28.5" hidden="1" customHeight="1">
      <c r="A32" s="64" t="s">
        <v>87</v>
      </c>
      <c r="B32" s="101" t="s">
        <v>1</v>
      </c>
      <c r="C32" s="102"/>
      <c r="D32" s="109" t="s">
        <v>1</v>
      </c>
      <c r="E32" s="110"/>
      <c r="F32" s="111" t="s">
        <v>1</v>
      </c>
      <c r="G32" s="112"/>
      <c r="H32" s="36" t="s">
        <v>1</v>
      </c>
      <c r="I32" s="99" t="s">
        <v>115</v>
      </c>
      <c r="J32" s="107"/>
      <c r="K32" s="31" t="s">
        <v>1</v>
      </c>
      <c r="L32" s="99" t="s">
        <v>132</v>
      </c>
      <c r="M32" s="99"/>
      <c r="N32" s="107"/>
      <c r="O32" s="31" t="s">
        <v>1</v>
      </c>
      <c r="P32" s="99" t="s">
        <v>29</v>
      </c>
      <c r="Q32" s="107"/>
      <c r="R32" s="31" t="s">
        <v>1</v>
      </c>
      <c r="S32" s="99" t="s">
        <v>133</v>
      </c>
      <c r="T32" s="99"/>
      <c r="U32" s="107"/>
      <c r="V32" s="31" t="s">
        <v>1</v>
      </c>
      <c r="W32" s="99" t="s">
        <v>133</v>
      </c>
      <c r="X32" s="99"/>
      <c r="Y32" s="100"/>
      <c r="Z32" s="4"/>
    </row>
    <row r="33" spans="1:26" customFormat="1" ht="28.5" hidden="1" customHeight="1">
      <c r="A33" s="64" t="s">
        <v>1</v>
      </c>
      <c r="B33" s="101" t="s">
        <v>1</v>
      </c>
      <c r="C33" s="102"/>
      <c r="D33" s="109" t="s">
        <v>1</v>
      </c>
      <c r="E33" s="110"/>
      <c r="F33" s="111" t="s">
        <v>1</v>
      </c>
      <c r="G33" s="112"/>
      <c r="H33" s="36" t="s">
        <v>1</v>
      </c>
      <c r="I33" s="99" t="s">
        <v>1</v>
      </c>
      <c r="J33" s="107"/>
      <c r="K33" s="31" t="s">
        <v>1</v>
      </c>
      <c r="L33" s="99" t="s">
        <v>1</v>
      </c>
      <c r="M33" s="99"/>
      <c r="N33" s="107"/>
      <c r="O33" s="31" t="s">
        <v>1</v>
      </c>
      <c r="P33" s="99" t="s">
        <v>1</v>
      </c>
      <c r="Q33" s="107"/>
      <c r="R33" s="31" t="s">
        <v>1</v>
      </c>
      <c r="S33" s="99" t="s">
        <v>1</v>
      </c>
      <c r="T33" s="99"/>
      <c r="U33" s="107"/>
      <c r="V33" s="31" t="s">
        <v>1</v>
      </c>
      <c r="W33" s="99" t="s">
        <v>1</v>
      </c>
      <c r="X33" s="99"/>
      <c r="Y33" s="100"/>
      <c r="Z33" s="4"/>
    </row>
    <row r="34" spans="1:26" customFormat="1" ht="28.5" hidden="1" customHeight="1">
      <c r="A34" s="64" t="s">
        <v>1</v>
      </c>
      <c r="B34" s="101" t="s">
        <v>1</v>
      </c>
      <c r="C34" s="102"/>
      <c r="D34" s="109" t="s">
        <v>1</v>
      </c>
      <c r="E34" s="110"/>
      <c r="F34" s="111" t="s">
        <v>5</v>
      </c>
      <c r="G34" s="112"/>
      <c r="H34" s="36" t="s">
        <v>1</v>
      </c>
      <c r="I34" s="99" t="s">
        <v>1</v>
      </c>
      <c r="J34" s="107"/>
      <c r="K34" s="31" t="s">
        <v>1</v>
      </c>
      <c r="L34" s="99" t="s">
        <v>139</v>
      </c>
      <c r="M34" s="99"/>
      <c r="N34" s="107"/>
      <c r="O34" s="31" t="s">
        <v>1</v>
      </c>
      <c r="P34" s="99" t="s">
        <v>1</v>
      </c>
      <c r="Q34" s="107"/>
      <c r="R34" s="31" t="s">
        <v>1</v>
      </c>
      <c r="S34" s="99" t="s">
        <v>1</v>
      </c>
      <c r="T34" s="99"/>
      <c r="U34" s="107"/>
      <c r="V34" s="31" t="s">
        <v>1</v>
      </c>
      <c r="W34" s="99" t="s">
        <v>1</v>
      </c>
      <c r="X34" s="99"/>
      <c r="Y34" s="100"/>
      <c r="Z34" s="4"/>
    </row>
    <row r="35" spans="1:26" customFormat="1" ht="28.5" hidden="1" customHeight="1">
      <c r="A35" s="64" t="s">
        <v>1</v>
      </c>
      <c r="B35" s="101" t="s">
        <v>1</v>
      </c>
      <c r="C35" s="102"/>
      <c r="D35" s="109" t="s">
        <v>1</v>
      </c>
      <c r="E35" s="110"/>
      <c r="F35" s="111" t="s">
        <v>88</v>
      </c>
      <c r="G35" s="112"/>
      <c r="H35" s="36" t="s">
        <v>1</v>
      </c>
      <c r="I35" s="99" t="s">
        <v>1</v>
      </c>
      <c r="J35" s="107"/>
      <c r="K35" s="31" t="s">
        <v>1</v>
      </c>
      <c r="L35" s="99" t="s">
        <v>70</v>
      </c>
      <c r="M35" s="99"/>
      <c r="N35" s="107"/>
      <c r="O35" s="31" t="s">
        <v>1</v>
      </c>
      <c r="P35" s="99" t="s">
        <v>1</v>
      </c>
      <c r="Q35" s="107"/>
      <c r="R35" s="31" t="s">
        <v>1</v>
      </c>
      <c r="S35" s="99" t="s">
        <v>1</v>
      </c>
      <c r="T35" s="99"/>
      <c r="U35" s="107"/>
      <c r="V35" s="31" t="s">
        <v>1</v>
      </c>
      <c r="W35" s="99" t="s">
        <v>1</v>
      </c>
      <c r="X35" s="99"/>
      <c r="Y35" s="100"/>
      <c r="Z35" s="4"/>
    </row>
    <row r="36" spans="1:26" customFormat="1" ht="28.5" hidden="1" customHeight="1">
      <c r="A36" s="64" t="s">
        <v>1</v>
      </c>
      <c r="B36" s="101" t="s">
        <v>1</v>
      </c>
      <c r="C36" s="102"/>
      <c r="D36" s="109" t="s">
        <v>1</v>
      </c>
      <c r="E36" s="110"/>
      <c r="F36" s="111" t="s">
        <v>1</v>
      </c>
      <c r="G36" s="112"/>
      <c r="H36" s="36" t="s">
        <v>1</v>
      </c>
      <c r="I36" s="99" t="s">
        <v>1</v>
      </c>
      <c r="J36" s="107"/>
      <c r="K36" s="31" t="s">
        <v>1</v>
      </c>
      <c r="L36" s="99" t="s">
        <v>1</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89</v>
      </c>
      <c r="G37" s="112"/>
      <c r="H37" s="36" t="s">
        <v>1</v>
      </c>
      <c r="I37" s="99" t="s">
        <v>1</v>
      </c>
      <c r="J37" s="107"/>
      <c r="K37" s="31" t="s">
        <v>1</v>
      </c>
      <c r="L37" s="99" t="s">
        <v>1</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1</v>
      </c>
      <c r="G38" s="112"/>
      <c r="H38" s="36" t="s">
        <v>1</v>
      </c>
      <c r="I38" s="99" t="s">
        <v>1</v>
      </c>
      <c r="J38" s="107"/>
      <c r="K38" s="31" t="s">
        <v>1</v>
      </c>
      <c r="L38" s="99" t="s">
        <v>1</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1</v>
      </c>
      <c r="G39" s="112"/>
      <c r="H39" s="36" t="s">
        <v>1</v>
      </c>
      <c r="I39" s="99" t="s">
        <v>1</v>
      </c>
      <c r="J39" s="107"/>
      <c r="K39" s="31" t="s">
        <v>1</v>
      </c>
      <c r="L39" s="99" t="s">
        <v>7</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1</v>
      </c>
      <c r="G40" s="112"/>
      <c r="H40" s="36" t="s">
        <v>1</v>
      </c>
      <c r="I40" s="99" t="s">
        <v>1</v>
      </c>
      <c r="J40" s="107"/>
      <c r="K40" s="31" t="s">
        <v>1</v>
      </c>
      <c r="L40" s="99" t="s">
        <v>1</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1</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1</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customHeight="1">
      <c r="A45" s="158" t="s">
        <v>4</v>
      </c>
      <c r="B45" s="159"/>
      <c r="C45" s="159"/>
      <c r="D45" s="159"/>
      <c r="E45" s="159"/>
      <c r="F45" s="159"/>
      <c r="G45" s="159"/>
      <c r="H45" s="66" t="s">
        <v>1</v>
      </c>
      <c r="I45" s="119" t="s">
        <v>115</v>
      </c>
      <c r="J45" s="120"/>
      <c r="K45" s="61" t="s">
        <v>1</v>
      </c>
      <c r="L45" s="119" t="s">
        <v>132</v>
      </c>
      <c r="M45" s="119"/>
      <c r="N45" s="120"/>
      <c r="O45" s="61" t="s">
        <v>1</v>
      </c>
      <c r="P45" s="119" t="s">
        <v>29</v>
      </c>
      <c r="Q45" s="120"/>
      <c r="R45" s="61" t="s">
        <v>1</v>
      </c>
      <c r="S45" s="119" t="s">
        <v>133</v>
      </c>
      <c r="T45" s="119"/>
      <c r="U45" s="120"/>
      <c r="V45" s="61" t="s">
        <v>1</v>
      </c>
      <c r="W45" s="119" t="s">
        <v>133</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139</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4">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B243"/>
  <sheetViews>
    <sheetView showGridLines="0" view="pageBreakPreview" topLeftCell="A24" zoomScaleNormal="10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140</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141</v>
      </c>
      <c r="C6" s="109" t="s">
        <v>1</v>
      </c>
      <c r="D6" s="110"/>
      <c r="E6" s="187" t="s">
        <v>1</v>
      </c>
      <c r="F6" s="188"/>
      <c r="G6" s="189" t="s">
        <v>142</v>
      </c>
      <c r="H6" s="189"/>
      <c r="I6" s="189"/>
      <c r="J6" s="175" t="s">
        <v>143</v>
      </c>
      <c r="K6" s="175"/>
      <c r="L6" s="175"/>
      <c r="M6" s="53" t="s">
        <v>1</v>
      </c>
      <c r="N6" s="125" t="s">
        <v>143</v>
      </c>
      <c r="O6" s="125"/>
      <c r="P6" s="129"/>
      <c r="Q6" s="175" t="s">
        <v>29</v>
      </c>
      <c r="R6" s="175"/>
      <c r="S6" s="175"/>
      <c r="T6" s="54"/>
      <c r="U6" s="125" t="s">
        <v>29</v>
      </c>
      <c r="V6" s="125"/>
      <c r="W6" s="129"/>
      <c r="X6" s="55" t="s">
        <v>39</v>
      </c>
      <c r="Y6" s="56" t="s">
        <v>144</v>
      </c>
      <c r="Z6" s="20"/>
      <c r="AA6" s="14"/>
      <c r="AB6" s="20"/>
    </row>
    <row r="7" spans="1:28" customFormat="1" ht="29.1" customHeight="1">
      <c r="A7" s="63" t="s">
        <v>1</v>
      </c>
      <c r="B7" s="51" t="s">
        <v>1</v>
      </c>
      <c r="C7" s="109" t="s">
        <v>25</v>
      </c>
      <c r="D7" s="110"/>
      <c r="E7" s="140" t="s">
        <v>31</v>
      </c>
      <c r="F7" s="141"/>
      <c r="G7" s="155" t="s">
        <v>145</v>
      </c>
      <c r="H7" s="155"/>
      <c r="I7" s="155"/>
      <c r="J7" s="156" t="s">
        <v>146</v>
      </c>
      <c r="K7" s="156"/>
      <c r="L7" s="156"/>
      <c r="M7" s="57" t="s">
        <v>1</v>
      </c>
      <c r="N7" s="99" t="s">
        <v>146</v>
      </c>
      <c r="O7" s="99"/>
      <c r="P7" s="107"/>
      <c r="Q7" s="156" t="s">
        <v>29</v>
      </c>
      <c r="R7" s="156"/>
      <c r="S7" s="156"/>
      <c r="T7" s="58"/>
      <c r="U7" s="99" t="s">
        <v>29</v>
      </c>
      <c r="V7" s="99"/>
      <c r="W7" s="107"/>
      <c r="X7" s="31" t="s">
        <v>1</v>
      </c>
      <c r="Y7" s="52" t="s">
        <v>147</v>
      </c>
      <c r="Z7" s="20"/>
      <c r="AA7" s="20"/>
      <c r="AB7" s="20"/>
    </row>
    <row r="8" spans="1:28" customFormat="1" ht="29.1" customHeight="1">
      <c r="A8" s="63" t="s">
        <v>1</v>
      </c>
      <c r="B8" s="51" t="s">
        <v>1</v>
      </c>
      <c r="C8" s="109" t="s">
        <v>35</v>
      </c>
      <c r="D8" s="110"/>
      <c r="E8" s="140" t="s">
        <v>42</v>
      </c>
      <c r="F8" s="141"/>
      <c r="G8" s="155" t="s">
        <v>148</v>
      </c>
      <c r="H8" s="155"/>
      <c r="I8" s="155"/>
      <c r="J8" s="156" t="s">
        <v>149</v>
      </c>
      <c r="K8" s="156"/>
      <c r="L8" s="156"/>
      <c r="M8" s="57" t="s">
        <v>1</v>
      </c>
      <c r="N8" s="99" t="s">
        <v>149</v>
      </c>
      <c r="O8" s="99"/>
      <c r="P8" s="107"/>
      <c r="Q8" s="156" t="s">
        <v>29</v>
      </c>
      <c r="R8" s="156"/>
      <c r="S8" s="156"/>
      <c r="T8" s="58"/>
      <c r="U8" s="99" t="s">
        <v>29</v>
      </c>
      <c r="V8" s="99"/>
      <c r="W8" s="107"/>
      <c r="X8" s="31" t="s">
        <v>39</v>
      </c>
      <c r="Y8" s="52" t="s">
        <v>150</v>
      </c>
      <c r="Z8" s="20"/>
      <c r="AA8" s="20"/>
      <c r="AB8" s="20"/>
    </row>
    <row r="9" spans="1:28" customFormat="1" ht="29.1" customHeight="1">
      <c r="A9" s="63" t="s">
        <v>1</v>
      </c>
      <c r="B9" s="51" t="s">
        <v>1</v>
      </c>
      <c r="C9" s="109" t="s">
        <v>41</v>
      </c>
      <c r="D9" s="110"/>
      <c r="E9" s="140" t="s">
        <v>47</v>
      </c>
      <c r="F9" s="141"/>
      <c r="G9" s="155" t="s">
        <v>128</v>
      </c>
      <c r="H9" s="155"/>
      <c r="I9" s="155"/>
      <c r="J9" s="156" t="s">
        <v>151</v>
      </c>
      <c r="K9" s="156"/>
      <c r="L9" s="156"/>
      <c r="M9" s="57" t="s">
        <v>1</v>
      </c>
      <c r="N9" s="99" t="s">
        <v>151</v>
      </c>
      <c r="O9" s="99"/>
      <c r="P9" s="107"/>
      <c r="Q9" s="156" t="s">
        <v>29</v>
      </c>
      <c r="R9" s="156"/>
      <c r="S9" s="156"/>
      <c r="T9" s="58"/>
      <c r="U9" s="99" t="s">
        <v>29</v>
      </c>
      <c r="V9" s="99"/>
      <c r="W9" s="107"/>
      <c r="X9" s="31" t="s">
        <v>1</v>
      </c>
      <c r="Y9" s="52" t="s">
        <v>152</v>
      </c>
      <c r="Z9" s="20"/>
      <c r="AA9" s="20"/>
      <c r="AB9" s="20"/>
    </row>
    <row r="10" spans="1:28" customFormat="1" ht="29.1" hidden="1" customHeight="1">
      <c r="A10" s="63" t="s">
        <v>51</v>
      </c>
      <c r="B10" s="51" t="s">
        <v>1</v>
      </c>
      <c r="C10" s="109" t="s">
        <v>1</v>
      </c>
      <c r="D10" s="110"/>
      <c r="E10" s="140" t="s">
        <v>1</v>
      </c>
      <c r="F10" s="141"/>
      <c r="G10" s="155" t="s">
        <v>142</v>
      </c>
      <c r="H10" s="155"/>
      <c r="I10" s="155"/>
      <c r="J10" s="156" t="s">
        <v>143</v>
      </c>
      <c r="K10" s="156"/>
      <c r="L10" s="156"/>
      <c r="M10" s="57" t="s">
        <v>1</v>
      </c>
      <c r="N10" s="99" t="s">
        <v>143</v>
      </c>
      <c r="O10" s="99"/>
      <c r="P10" s="107"/>
      <c r="Q10" s="156" t="s">
        <v>29</v>
      </c>
      <c r="R10" s="156"/>
      <c r="S10" s="156"/>
      <c r="T10" s="58"/>
      <c r="U10" s="99" t="s">
        <v>29</v>
      </c>
      <c r="V10" s="99"/>
      <c r="W10" s="107"/>
      <c r="X10" s="31" t="s">
        <v>39</v>
      </c>
      <c r="Y10" s="52" t="s">
        <v>144</v>
      </c>
      <c r="Z10" s="20"/>
      <c r="AA10" s="20"/>
      <c r="AB10" s="20"/>
    </row>
    <row r="11" spans="1:28" customFormat="1" ht="29.1" hidden="1" customHeight="1">
      <c r="A11" s="63" t="s">
        <v>1</v>
      </c>
      <c r="B11" s="51" t="s">
        <v>1</v>
      </c>
      <c r="C11" s="109" t="s">
        <v>1</v>
      </c>
      <c r="D11" s="110"/>
      <c r="E11" s="140" t="s">
        <v>1</v>
      </c>
      <c r="F11" s="141"/>
      <c r="G11" s="155" t="s">
        <v>1</v>
      </c>
      <c r="H11" s="155"/>
      <c r="I11" s="155"/>
      <c r="J11" s="156" t="s">
        <v>1</v>
      </c>
      <c r="K11" s="156"/>
      <c r="L11" s="156"/>
      <c r="M11" s="57" t="s">
        <v>1</v>
      </c>
      <c r="N11" s="99" t="s">
        <v>1</v>
      </c>
      <c r="O11" s="99"/>
      <c r="P11" s="107"/>
      <c r="Q11" s="156" t="s">
        <v>1</v>
      </c>
      <c r="R11" s="156"/>
      <c r="S11" s="156"/>
      <c r="T11" s="58"/>
      <c r="U11" s="99" t="s">
        <v>1</v>
      </c>
      <c r="V11" s="99"/>
      <c r="W11" s="107"/>
      <c r="X11" s="31" t="s">
        <v>1</v>
      </c>
      <c r="Y11" s="52" t="s">
        <v>1</v>
      </c>
      <c r="Z11" s="20"/>
      <c r="AA11" s="20"/>
      <c r="AB11" s="20"/>
    </row>
    <row r="12" spans="1:28" customFormat="1" ht="29.1" hidden="1" customHeight="1">
      <c r="A12" s="63" t="s">
        <v>1</v>
      </c>
      <c r="B12" s="51" t="s">
        <v>1</v>
      </c>
      <c r="C12" s="109" t="s">
        <v>1</v>
      </c>
      <c r="D12" s="110"/>
      <c r="E12" s="140" t="s">
        <v>1</v>
      </c>
      <c r="F12" s="141"/>
      <c r="G12" s="155" t="s">
        <v>1</v>
      </c>
      <c r="H12" s="155"/>
      <c r="I12" s="155"/>
      <c r="J12" s="156" t="s">
        <v>1</v>
      </c>
      <c r="K12" s="156"/>
      <c r="L12" s="156"/>
      <c r="M12" s="57" t="s">
        <v>1</v>
      </c>
      <c r="N12" s="99" t="s">
        <v>1</v>
      </c>
      <c r="O12" s="99"/>
      <c r="P12" s="107"/>
      <c r="Q12" s="156" t="s">
        <v>1</v>
      </c>
      <c r="R12" s="156"/>
      <c r="S12" s="156"/>
      <c r="T12" s="58"/>
      <c r="U12" s="99" t="s">
        <v>1</v>
      </c>
      <c r="V12" s="99"/>
      <c r="W12" s="107"/>
      <c r="X12" s="31" t="s">
        <v>1</v>
      </c>
      <c r="Y12" s="52" t="s">
        <v>1</v>
      </c>
      <c r="Z12" s="20"/>
      <c r="AA12" s="20"/>
      <c r="AB12" s="20"/>
    </row>
    <row r="13" spans="1:28" customFormat="1" ht="29.1" hidden="1" customHeight="1">
      <c r="A13" s="63" t="s">
        <v>1</v>
      </c>
      <c r="B13" s="51" t="s">
        <v>1</v>
      </c>
      <c r="C13" s="109" t="s">
        <v>1</v>
      </c>
      <c r="D13" s="110"/>
      <c r="E13" s="140" t="s">
        <v>1</v>
      </c>
      <c r="F13" s="141"/>
      <c r="G13" s="155" t="s">
        <v>1</v>
      </c>
      <c r="H13" s="155"/>
      <c r="I13" s="155"/>
      <c r="J13" s="156" t="s">
        <v>1</v>
      </c>
      <c r="K13" s="156"/>
      <c r="L13" s="156"/>
      <c r="M13" s="57" t="s">
        <v>1</v>
      </c>
      <c r="N13" s="99" t="s">
        <v>1</v>
      </c>
      <c r="O13" s="99"/>
      <c r="P13" s="107"/>
      <c r="Q13" s="156" t="s">
        <v>1</v>
      </c>
      <c r="R13" s="156"/>
      <c r="S13" s="156"/>
      <c r="T13" s="58"/>
      <c r="U13" s="99" t="s">
        <v>1</v>
      </c>
      <c r="V13" s="99"/>
      <c r="W13" s="107"/>
      <c r="X13" s="31" t="s">
        <v>1</v>
      </c>
      <c r="Y13" s="52" t="s">
        <v>1</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58"/>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customHeight="1">
      <c r="A23" s="158" t="s">
        <v>9</v>
      </c>
      <c r="B23" s="159"/>
      <c r="C23" s="159"/>
      <c r="D23" s="159"/>
      <c r="E23" s="159"/>
      <c r="F23" s="159"/>
      <c r="G23" s="160" t="s">
        <v>142</v>
      </c>
      <c r="H23" s="160"/>
      <c r="I23" s="160"/>
      <c r="J23" s="157" t="s">
        <v>143</v>
      </c>
      <c r="K23" s="157"/>
      <c r="L23" s="157"/>
      <c r="M23" s="59" t="s">
        <v>1</v>
      </c>
      <c r="N23" s="119" t="s">
        <v>143</v>
      </c>
      <c r="O23" s="119"/>
      <c r="P23" s="120"/>
      <c r="Q23" s="157" t="s">
        <v>29</v>
      </c>
      <c r="R23" s="157"/>
      <c r="S23" s="157"/>
      <c r="T23" s="60"/>
      <c r="U23" s="119" t="s">
        <v>29</v>
      </c>
      <c r="V23" s="119"/>
      <c r="W23" s="120"/>
      <c r="X23" s="61" t="s">
        <v>39</v>
      </c>
      <c r="Y23" s="62" t="s">
        <v>144</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153</v>
      </c>
      <c r="C29" s="102"/>
      <c r="D29" s="103" t="s">
        <v>1</v>
      </c>
      <c r="E29" s="104"/>
      <c r="F29" s="105" t="s">
        <v>1</v>
      </c>
      <c r="G29" s="106"/>
      <c r="H29" s="65" t="s">
        <v>1</v>
      </c>
      <c r="I29" s="125" t="s">
        <v>142</v>
      </c>
      <c r="J29" s="129"/>
      <c r="K29" s="55" t="s">
        <v>1</v>
      </c>
      <c r="L29" s="125" t="s">
        <v>154</v>
      </c>
      <c r="M29" s="125"/>
      <c r="N29" s="129"/>
      <c r="O29" s="55" t="s">
        <v>1</v>
      </c>
      <c r="P29" s="125" t="s">
        <v>29</v>
      </c>
      <c r="Q29" s="129"/>
      <c r="R29" s="55" t="s">
        <v>1</v>
      </c>
      <c r="S29" s="125" t="s">
        <v>155</v>
      </c>
      <c r="T29" s="125"/>
      <c r="U29" s="129"/>
      <c r="V29" s="55" t="s">
        <v>1</v>
      </c>
      <c r="W29" s="125" t="s">
        <v>155</v>
      </c>
      <c r="X29" s="125"/>
      <c r="Y29" s="126"/>
      <c r="Z29" s="4"/>
    </row>
    <row r="30" spans="1:28" customFormat="1" ht="28.5" customHeight="1">
      <c r="A30" s="64" t="s">
        <v>1</v>
      </c>
      <c r="B30" s="101" t="s">
        <v>1</v>
      </c>
      <c r="C30" s="102"/>
      <c r="D30" s="109" t="s">
        <v>25</v>
      </c>
      <c r="E30" s="110"/>
      <c r="F30" s="111" t="s">
        <v>156</v>
      </c>
      <c r="G30" s="112"/>
      <c r="H30" s="36" t="s">
        <v>1</v>
      </c>
      <c r="I30" s="99" t="s">
        <v>157</v>
      </c>
      <c r="J30" s="107"/>
      <c r="K30" s="31" t="s">
        <v>1</v>
      </c>
      <c r="L30" s="99" t="s">
        <v>157</v>
      </c>
      <c r="M30" s="99"/>
      <c r="N30" s="107"/>
      <c r="O30" s="31" t="s">
        <v>1</v>
      </c>
      <c r="P30" s="99" t="s">
        <v>29</v>
      </c>
      <c r="Q30" s="107"/>
      <c r="R30" s="31" t="s">
        <v>1</v>
      </c>
      <c r="S30" s="99" t="s">
        <v>29</v>
      </c>
      <c r="T30" s="99"/>
      <c r="U30" s="107"/>
      <c r="V30" s="31" t="s">
        <v>1</v>
      </c>
      <c r="W30" s="99" t="s">
        <v>29</v>
      </c>
      <c r="X30" s="99"/>
      <c r="Y30" s="100"/>
      <c r="Z30" s="4"/>
    </row>
    <row r="31" spans="1:28" customFormat="1" ht="28.5" customHeight="1">
      <c r="A31" s="64" t="s">
        <v>1</v>
      </c>
      <c r="B31" s="101" t="s">
        <v>1</v>
      </c>
      <c r="C31" s="102"/>
      <c r="D31" s="109" t="s">
        <v>35</v>
      </c>
      <c r="E31" s="110"/>
      <c r="F31" s="111" t="s">
        <v>158</v>
      </c>
      <c r="G31" s="112"/>
      <c r="H31" s="36" t="s">
        <v>1</v>
      </c>
      <c r="I31" s="99" t="s">
        <v>159</v>
      </c>
      <c r="J31" s="107"/>
      <c r="K31" s="31" t="s">
        <v>1</v>
      </c>
      <c r="L31" s="99" t="s">
        <v>160</v>
      </c>
      <c r="M31" s="99"/>
      <c r="N31" s="107"/>
      <c r="O31" s="31" t="s">
        <v>1</v>
      </c>
      <c r="P31" s="99" t="s">
        <v>29</v>
      </c>
      <c r="Q31" s="107"/>
      <c r="R31" s="31" t="s">
        <v>1</v>
      </c>
      <c r="S31" s="99" t="s">
        <v>161</v>
      </c>
      <c r="T31" s="99"/>
      <c r="U31" s="107"/>
      <c r="V31" s="31" t="s">
        <v>1</v>
      </c>
      <c r="W31" s="99" t="s">
        <v>161</v>
      </c>
      <c r="X31" s="99"/>
      <c r="Y31" s="100"/>
      <c r="Z31" s="4"/>
    </row>
    <row r="32" spans="1:28" customFormat="1" ht="28.5" customHeight="1">
      <c r="A32" s="64" t="s">
        <v>1</v>
      </c>
      <c r="B32" s="101" t="s">
        <v>1</v>
      </c>
      <c r="C32" s="102"/>
      <c r="D32" s="109" t="s">
        <v>41</v>
      </c>
      <c r="E32" s="110"/>
      <c r="F32" s="111" t="s">
        <v>162</v>
      </c>
      <c r="G32" s="112"/>
      <c r="H32" s="36" t="s">
        <v>1</v>
      </c>
      <c r="I32" s="99" t="s">
        <v>163</v>
      </c>
      <c r="J32" s="107"/>
      <c r="K32" s="31" t="s">
        <v>1</v>
      </c>
      <c r="L32" s="99" t="s">
        <v>29</v>
      </c>
      <c r="M32" s="99"/>
      <c r="N32" s="107"/>
      <c r="O32" s="31" t="s">
        <v>1</v>
      </c>
      <c r="P32" s="99" t="s">
        <v>29</v>
      </c>
      <c r="Q32" s="107"/>
      <c r="R32" s="31" t="s">
        <v>1</v>
      </c>
      <c r="S32" s="99" t="s">
        <v>163</v>
      </c>
      <c r="T32" s="99"/>
      <c r="U32" s="107"/>
      <c r="V32" s="31" t="s">
        <v>1</v>
      </c>
      <c r="W32" s="99" t="s">
        <v>163</v>
      </c>
      <c r="X32" s="99"/>
      <c r="Y32" s="100"/>
      <c r="Z32" s="4"/>
    </row>
    <row r="33" spans="1:26" customFormat="1" ht="28.5" hidden="1" customHeight="1">
      <c r="A33" s="64" t="s">
        <v>87</v>
      </c>
      <c r="B33" s="101" t="s">
        <v>1</v>
      </c>
      <c r="C33" s="102"/>
      <c r="D33" s="109" t="s">
        <v>1</v>
      </c>
      <c r="E33" s="110"/>
      <c r="F33" s="111" t="s">
        <v>1</v>
      </c>
      <c r="G33" s="112"/>
      <c r="H33" s="36" t="s">
        <v>1</v>
      </c>
      <c r="I33" s="99" t="s">
        <v>142</v>
      </c>
      <c r="J33" s="107"/>
      <c r="K33" s="31" t="s">
        <v>1</v>
      </c>
      <c r="L33" s="99" t="s">
        <v>154</v>
      </c>
      <c r="M33" s="99"/>
      <c r="N33" s="107"/>
      <c r="O33" s="31" t="s">
        <v>1</v>
      </c>
      <c r="P33" s="99" t="s">
        <v>29</v>
      </c>
      <c r="Q33" s="107"/>
      <c r="R33" s="31" t="s">
        <v>1</v>
      </c>
      <c r="S33" s="99" t="s">
        <v>155</v>
      </c>
      <c r="T33" s="99"/>
      <c r="U33" s="107"/>
      <c r="V33" s="31" t="s">
        <v>1</v>
      </c>
      <c r="W33" s="99" t="s">
        <v>155</v>
      </c>
      <c r="X33" s="99"/>
      <c r="Y33" s="100"/>
      <c r="Z33" s="4"/>
    </row>
    <row r="34" spans="1:26" customFormat="1" ht="28.5" hidden="1" customHeight="1">
      <c r="A34" s="64" t="s">
        <v>1</v>
      </c>
      <c r="B34" s="101" t="s">
        <v>1</v>
      </c>
      <c r="C34" s="102"/>
      <c r="D34" s="109" t="s">
        <v>1</v>
      </c>
      <c r="E34" s="110"/>
      <c r="F34" s="111" t="s">
        <v>1</v>
      </c>
      <c r="G34" s="112"/>
      <c r="H34" s="36" t="s">
        <v>1</v>
      </c>
      <c r="I34" s="99" t="s">
        <v>1</v>
      </c>
      <c r="J34" s="107"/>
      <c r="K34" s="31" t="s">
        <v>1</v>
      </c>
      <c r="L34" s="99" t="s">
        <v>1</v>
      </c>
      <c r="M34" s="99"/>
      <c r="N34" s="107"/>
      <c r="O34" s="31" t="s">
        <v>1</v>
      </c>
      <c r="P34" s="99" t="s">
        <v>1</v>
      </c>
      <c r="Q34" s="107"/>
      <c r="R34" s="31" t="s">
        <v>1</v>
      </c>
      <c r="S34" s="99" t="s">
        <v>1</v>
      </c>
      <c r="T34" s="99"/>
      <c r="U34" s="107"/>
      <c r="V34" s="31" t="s">
        <v>1</v>
      </c>
      <c r="W34" s="99" t="s">
        <v>1</v>
      </c>
      <c r="X34" s="99"/>
      <c r="Y34" s="100"/>
      <c r="Z34" s="4"/>
    </row>
    <row r="35" spans="1:26" customFormat="1" ht="28.5" hidden="1" customHeight="1">
      <c r="A35" s="64" t="s">
        <v>1</v>
      </c>
      <c r="B35" s="101" t="s">
        <v>1</v>
      </c>
      <c r="C35" s="102"/>
      <c r="D35" s="109" t="s">
        <v>1</v>
      </c>
      <c r="E35" s="110"/>
      <c r="F35" s="111" t="s">
        <v>5</v>
      </c>
      <c r="G35" s="112"/>
      <c r="H35" s="36" t="s">
        <v>1</v>
      </c>
      <c r="I35" s="99" t="s">
        <v>1</v>
      </c>
      <c r="J35" s="107"/>
      <c r="K35" s="31" t="s">
        <v>1</v>
      </c>
      <c r="L35" s="99" t="s">
        <v>164</v>
      </c>
      <c r="M35" s="99"/>
      <c r="N35" s="107"/>
      <c r="O35" s="31" t="s">
        <v>1</v>
      </c>
      <c r="P35" s="99" t="s">
        <v>1</v>
      </c>
      <c r="Q35" s="107"/>
      <c r="R35" s="31" t="s">
        <v>1</v>
      </c>
      <c r="S35" s="99" t="s">
        <v>1</v>
      </c>
      <c r="T35" s="99"/>
      <c r="U35" s="107"/>
      <c r="V35" s="31" t="s">
        <v>1</v>
      </c>
      <c r="W35" s="99" t="s">
        <v>1</v>
      </c>
      <c r="X35" s="99"/>
      <c r="Y35" s="100"/>
      <c r="Z35" s="4"/>
    </row>
    <row r="36" spans="1:26" customFormat="1" ht="28.5" hidden="1" customHeight="1">
      <c r="A36" s="64" t="s">
        <v>1</v>
      </c>
      <c r="B36" s="101" t="s">
        <v>1</v>
      </c>
      <c r="C36" s="102"/>
      <c r="D36" s="109" t="s">
        <v>1</v>
      </c>
      <c r="E36" s="110"/>
      <c r="F36" s="111" t="s">
        <v>88</v>
      </c>
      <c r="G36" s="112"/>
      <c r="H36" s="36" t="s">
        <v>1</v>
      </c>
      <c r="I36" s="99" t="s">
        <v>1</v>
      </c>
      <c r="J36" s="107"/>
      <c r="K36" s="31" t="s">
        <v>1</v>
      </c>
      <c r="L36" s="99" t="s">
        <v>70</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1</v>
      </c>
      <c r="G37" s="112"/>
      <c r="H37" s="36" t="s">
        <v>1</v>
      </c>
      <c r="I37" s="99" t="s">
        <v>1</v>
      </c>
      <c r="J37" s="107"/>
      <c r="K37" s="31" t="s">
        <v>1</v>
      </c>
      <c r="L37" s="99" t="s">
        <v>1</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89</v>
      </c>
      <c r="G38" s="112"/>
      <c r="H38" s="36" t="s">
        <v>1</v>
      </c>
      <c r="I38" s="99" t="s">
        <v>1</v>
      </c>
      <c r="J38" s="107"/>
      <c r="K38" s="31" t="s">
        <v>1</v>
      </c>
      <c r="L38" s="99" t="s">
        <v>1</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1</v>
      </c>
      <c r="G39" s="112"/>
      <c r="H39" s="36" t="s">
        <v>1</v>
      </c>
      <c r="I39" s="99" t="s">
        <v>1</v>
      </c>
      <c r="J39" s="107"/>
      <c r="K39" s="31" t="s">
        <v>1</v>
      </c>
      <c r="L39" s="99" t="s">
        <v>1</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1</v>
      </c>
      <c r="G40" s="112"/>
      <c r="H40" s="36" t="s">
        <v>1</v>
      </c>
      <c r="I40" s="99" t="s">
        <v>1</v>
      </c>
      <c r="J40" s="107"/>
      <c r="K40" s="31" t="s">
        <v>1</v>
      </c>
      <c r="L40" s="99" t="s">
        <v>7</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1</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1</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customHeight="1">
      <c r="A45" s="158" t="s">
        <v>4</v>
      </c>
      <c r="B45" s="159"/>
      <c r="C45" s="159"/>
      <c r="D45" s="159"/>
      <c r="E45" s="159"/>
      <c r="F45" s="159"/>
      <c r="G45" s="159"/>
      <c r="H45" s="66" t="s">
        <v>1</v>
      </c>
      <c r="I45" s="119" t="s">
        <v>142</v>
      </c>
      <c r="J45" s="120"/>
      <c r="K45" s="61" t="s">
        <v>1</v>
      </c>
      <c r="L45" s="119" t="s">
        <v>154</v>
      </c>
      <c r="M45" s="119"/>
      <c r="N45" s="120"/>
      <c r="O45" s="61" t="s">
        <v>1</v>
      </c>
      <c r="P45" s="119" t="s">
        <v>29</v>
      </c>
      <c r="Q45" s="120"/>
      <c r="R45" s="61" t="s">
        <v>1</v>
      </c>
      <c r="S45" s="119" t="s">
        <v>155</v>
      </c>
      <c r="T45" s="119"/>
      <c r="U45" s="120"/>
      <c r="V45" s="61" t="s">
        <v>1</v>
      </c>
      <c r="W45" s="119" t="s">
        <v>155</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164</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4">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B243"/>
  <sheetViews>
    <sheetView showGridLines="0" view="pageBreakPreview" topLeftCell="A31" zoomScaleNormal="10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165</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166</v>
      </c>
      <c r="C6" s="109" t="s">
        <v>1</v>
      </c>
      <c r="D6" s="110"/>
      <c r="E6" s="187" t="s">
        <v>1</v>
      </c>
      <c r="F6" s="188"/>
      <c r="G6" s="189" t="s">
        <v>167</v>
      </c>
      <c r="H6" s="189"/>
      <c r="I6" s="189"/>
      <c r="J6" s="175" t="s">
        <v>168</v>
      </c>
      <c r="K6" s="175"/>
      <c r="L6" s="175"/>
      <c r="M6" s="53" t="s">
        <v>1</v>
      </c>
      <c r="N6" s="125" t="s">
        <v>168</v>
      </c>
      <c r="O6" s="125"/>
      <c r="P6" s="129"/>
      <c r="Q6" s="175" t="s">
        <v>29</v>
      </c>
      <c r="R6" s="175"/>
      <c r="S6" s="175"/>
      <c r="T6" s="54"/>
      <c r="U6" s="125" t="s">
        <v>29</v>
      </c>
      <c r="V6" s="125"/>
      <c r="W6" s="129"/>
      <c r="X6" s="55" t="s">
        <v>1</v>
      </c>
      <c r="Y6" s="56" t="s">
        <v>169</v>
      </c>
      <c r="Z6" s="20"/>
      <c r="AA6" s="14"/>
      <c r="AB6" s="20"/>
    </row>
    <row r="7" spans="1:28" customFormat="1" ht="29.1" customHeight="1">
      <c r="A7" s="63" t="s">
        <v>1</v>
      </c>
      <c r="B7" s="51" t="s">
        <v>1</v>
      </c>
      <c r="C7" s="109" t="s">
        <v>25</v>
      </c>
      <c r="D7" s="110"/>
      <c r="E7" s="140" t="s">
        <v>31</v>
      </c>
      <c r="F7" s="141"/>
      <c r="G7" s="155" t="s">
        <v>170</v>
      </c>
      <c r="H7" s="155"/>
      <c r="I7" s="155"/>
      <c r="J7" s="156" t="s">
        <v>171</v>
      </c>
      <c r="K7" s="156"/>
      <c r="L7" s="156"/>
      <c r="M7" s="57" t="s">
        <v>1</v>
      </c>
      <c r="N7" s="99" t="s">
        <v>171</v>
      </c>
      <c r="O7" s="99"/>
      <c r="P7" s="107"/>
      <c r="Q7" s="156" t="s">
        <v>29</v>
      </c>
      <c r="R7" s="156"/>
      <c r="S7" s="156"/>
      <c r="T7" s="58"/>
      <c r="U7" s="99" t="s">
        <v>29</v>
      </c>
      <c r="V7" s="99"/>
      <c r="W7" s="107"/>
      <c r="X7" s="31" t="s">
        <v>1</v>
      </c>
      <c r="Y7" s="52" t="s">
        <v>172</v>
      </c>
      <c r="Z7" s="20"/>
      <c r="AA7" s="20"/>
      <c r="AB7" s="20"/>
    </row>
    <row r="8" spans="1:28" customFormat="1" ht="29.1" customHeight="1">
      <c r="A8" s="63" t="s">
        <v>1</v>
      </c>
      <c r="B8" s="51" t="s">
        <v>1</v>
      </c>
      <c r="C8" s="109" t="s">
        <v>35</v>
      </c>
      <c r="D8" s="110"/>
      <c r="E8" s="140" t="s">
        <v>36</v>
      </c>
      <c r="F8" s="141"/>
      <c r="G8" s="155" t="s">
        <v>173</v>
      </c>
      <c r="H8" s="155"/>
      <c r="I8" s="155"/>
      <c r="J8" s="156" t="s">
        <v>174</v>
      </c>
      <c r="K8" s="156"/>
      <c r="L8" s="156"/>
      <c r="M8" s="57" t="s">
        <v>1</v>
      </c>
      <c r="N8" s="99" t="s">
        <v>174</v>
      </c>
      <c r="O8" s="99"/>
      <c r="P8" s="107"/>
      <c r="Q8" s="156" t="s">
        <v>29</v>
      </c>
      <c r="R8" s="156"/>
      <c r="S8" s="156"/>
      <c r="T8" s="58"/>
      <c r="U8" s="99" t="s">
        <v>29</v>
      </c>
      <c r="V8" s="99"/>
      <c r="W8" s="107"/>
      <c r="X8" s="31" t="s">
        <v>39</v>
      </c>
      <c r="Y8" s="52" t="s">
        <v>175</v>
      </c>
      <c r="Z8" s="20"/>
      <c r="AA8" s="20"/>
      <c r="AB8" s="20"/>
    </row>
    <row r="9" spans="1:28" customFormat="1" ht="29.1" customHeight="1">
      <c r="A9" s="63" t="s">
        <v>1</v>
      </c>
      <c r="B9" s="51" t="s">
        <v>1</v>
      </c>
      <c r="C9" s="109" t="s">
        <v>41</v>
      </c>
      <c r="D9" s="110"/>
      <c r="E9" s="140" t="s">
        <v>42</v>
      </c>
      <c r="F9" s="141"/>
      <c r="G9" s="155" t="s">
        <v>176</v>
      </c>
      <c r="H9" s="155"/>
      <c r="I9" s="155"/>
      <c r="J9" s="156" t="s">
        <v>177</v>
      </c>
      <c r="K9" s="156"/>
      <c r="L9" s="156"/>
      <c r="M9" s="57" t="s">
        <v>1</v>
      </c>
      <c r="N9" s="99" t="s">
        <v>177</v>
      </c>
      <c r="O9" s="99"/>
      <c r="P9" s="107"/>
      <c r="Q9" s="156" t="s">
        <v>29</v>
      </c>
      <c r="R9" s="156"/>
      <c r="S9" s="156"/>
      <c r="T9" s="58"/>
      <c r="U9" s="99" t="s">
        <v>29</v>
      </c>
      <c r="V9" s="99"/>
      <c r="W9" s="107"/>
      <c r="X9" s="31" t="s">
        <v>1</v>
      </c>
      <c r="Y9" s="52" t="s">
        <v>178</v>
      </c>
      <c r="Z9" s="20"/>
      <c r="AA9" s="20"/>
      <c r="AB9" s="20"/>
    </row>
    <row r="10" spans="1:28" customFormat="1" ht="29.1" customHeight="1">
      <c r="A10" s="63" t="s">
        <v>1</v>
      </c>
      <c r="B10" s="51" t="s">
        <v>1</v>
      </c>
      <c r="C10" s="109" t="s">
        <v>46</v>
      </c>
      <c r="D10" s="110"/>
      <c r="E10" s="140" t="s">
        <v>47</v>
      </c>
      <c r="F10" s="141"/>
      <c r="G10" s="155" t="s">
        <v>128</v>
      </c>
      <c r="H10" s="155"/>
      <c r="I10" s="155"/>
      <c r="J10" s="156" t="s">
        <v>179</v>
      </c>
      <c r="K10" s="156"/>
      <c r="L10" s="156"/>
      <c r="M10" s="57" t="s">
        <v>1</v>
      </c>
      <c r="N10" s="99" t="s">
        <v>179</v>
      </c>
      <c r="O10" s="99"/>
      <c r="P10" s="107"/>
      <c r="Q10" s="156" t="s">
        <v>29</v>
      </c>
      <c r="R10" s="156"/>
      <c r="S10" s="156"/>
      <c r="T10" s="58"/>
      <c r="U10" s="99" t="s">
        <v>29</v>
      </c>
      <c r="V10" s="99"/>
      <c r="W10" s="107"/>
      <c r="X10" s="31" t="s">
        <v>1</v>
      </c>
      <c r="Y10" s="52" t="s">
        <v>180</v>
      </c>
      <c r="Z10" s="20"/>
      <c r="AA10" s="20"/>
      <c r="AB10" s="20"/>
    </row>
    <row r="11" spans="1:28" customFormat="1" ht="29.1" hidden="1" customHeight="1">
      <c r="A11" s="63" t="s">
        <v>51</v>
      </c>
      <c r="B11" s="51" t="s">
        <v>1</v>
      </c>
      <c r="C11" s="109" t="s">
        <v>1</v>
      </c>
      <c r="D11" s="110"/>
      <c r="E11" s="140" t="s">
        <v>1</v>
      </c>
      <c r="F11" s="141"/>
      <c r="G11" s="155" t="s">
        <v>167</v>
      </c>
      <c r="H11" s="155"/>
      <c r="I11" s="155"/>
      <c r="J11" s="156" t="s">
        <v>168</v>
      </c>
      <c r="K11" s="156"/>
      <c r="L11" s="156"/>
      <c r="M11" s="57" t="s">
        <v>1</v>
      </c>
      <c r="N11" s="99" t="s">
        <v>168</v>
      </c>
      <c r="O11" s="99"/>
      <c r="P11" s="107"/>
      <c r="Q11" s="156" t="s">
        <v>29</v>
      </c>
      <c r="R11" s="156"/>
      <c r="S11" s="156"/>
      <c r="T11" s="58"/>
      <c r="U11" s="99" t="s">
        <v>29</v>
      </c>
      <c r="V11" s="99"/>
      <c r="W11" s="107"/>
      <c r="X11" s="31" t="s">
        <v>1</v>
      </c>
      <c r="Y11" s="52" t="s">
        <v>169</v>
      </c>
      <c r="Z11" s="20"/>
      <c r="AA11" s="20"/>
      <c r="AB11" s="20"/>
    </row>
    <row r="12" spans="1:28" customFormat="1" ht="29.1" hidden="1" customHeight="1">
      <c r="A12" s="63" t="s">
        <v>1</v>
      </c>
      <c r="B12" s="51" t="s">
        <v>1</v>
      </c>
      <c r="C12" s="109" t="s">
        <v>1</v>
      </c>
      <c r="D12" s="110"/>
      <c r="E12" s="140" t="s">
        <v>1</v>
      </c>
      <c r="F12" s="141"/>
      <c r="G12" s="155" t="s">
        <v>1</v>
      </c>
      <c r="H12" s="155"/>
      <c r="I12" s="155"/>
      <c r="J12" s="156" t="s">
        <v>1</v>
      </c>
      <c r="K12" s="156"/>
      <c r="L12" s="156"/>
      <c r="M12" s="57" t="s">
        <v>1</v>
      </c>
      <c r="N12" s="99" t="s">
        <v>1</v>
      </c>
      <c r="O12" s="99"/>
      <c r="P12" s="107"/>
      <c r="Q12" s="156" t="s">
        <v>1</v>
      </c>
      <c r="R12" s="156"/>
      <c r="S12" s="156"/>
      <c r="T12" s="58"/>
      <c r="U12" s="99" t="s">
        <v>1</v>
      </c>
      <c r="V12" s="99"/>
      <c r="W12" s="107"/>
      <c r="X12" s="31" t="s">
        <v>1</v>
      </c>
      <c r="Y12" s="52" t="s">
        <v>1</v>
      </c>
      <c r="Z12" s="20"/>
      <c r="AA12" s="20"/>
      <c r="AB12" s="20"/>
    </row>
    <row r="13" spans="1:28" customFormat="1" ht="29.1" hidden="1" customHeight="1">
      <c r="A13" s="63" t="s">
        <v>1</v>
      </c>
      <c r="B13" s="51" t="s">
        <v>1</v>
      </c>
      <c r="C13" s="109" t="s">
        <v>1</v>
      </c>
      <c r="D13" s="110"/>
      <c r="E13" s="140" t="s">
        <v>1</v>
      </c>
      <c r="F13" s="141"/>
      <c r="G13" s="155" t="s">
        <v>1</v>
      </c>
      <c r="H13" s="155"/>
      <c r="I13" s="155"/>
      <c r="J13" s="156" t="s">
        <v>1</v>
      </c>
      <c r="K13" s="156"/>
      <c r="L13" s="156"/>
      <c r="M13" s="57" t="s">
        <v>1</v>
      </c>
      <c r="N13" s="99" t="s">
        <v>1</v>
      </c>
      <c r="O13" s="99"/>
      <c r="P13" s="107"/>
      <c r="Q13" s="156" t="s">
        <v>1</v>
      </c>
      <c r="R13" s="156"/>
      <c r="S13" s="156"/>
      <c r="T13" s="58"/>
      <c r="U13" s="99" t="s">
        <v>1</v>
      </c>
      <c r="V13" s="99"/>
      <c r="W13" s="107"/>
      <c r="X13" s="31" t="s">
        <v>1</v>
      </c>
      <c r="Y13" s="52" t="s">
        <v>1</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58"/>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customHeight="1">
      <c r="A23" s="158" t="s">
        <v>9</v>
      </c>
      <c r="B23" s="159"/>
      <c r="C23" s="159"/>
      <c r="D23" s="159"/>
      <c r="E23" s="159"/>
      <c r="F23" s="159"/>
      <c r="G23" s="160" t="s">
        <v>167</v>
      </c>
      <c r="H23" s="160"/>
      <c r="I23" s="160"/>
      <c r="J23" s="157" t="s">
        <v>168</v>
      </c>
      <c r="K23" s="157"/>
      <c r="L23" s="157"/>
      <c r="M23" s="59" t="s">
        <v>1</v>
      </c>
      <c r="N23" s="119" t="s">
        <v>168</v>
      </c>
      <c r="O23" s="119"/>
      <c r="P23" s="120"/>
      <c r="Q23" s="157" t="s">
        <v>29</v>
      </c>
      <c r="R23" s="157"/>
      <c r="S23" s="157"/>
      <c r="T23" s="60"/>
      <c r="U23" s="119" t="s">
        <v>29</v>
      </c>
      <c r="V23" s="119"/>
      <c r="W23" s="120"/>
      <c r="X23" s="61" t="s">
        <v>1</v>
      </c>
      <c r="Y23" s="62" t="s">
        <v>169</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181</v>
      </c>
      <c r="C29" s="102"/>
      <c r="D29" s="103" t="s">
        <v>1</v>
      </c>
      <c r="E29" s="104"/>
      <c r="F29" s="105" t="s">
        <v>1</v>
      </c>
      <c r="G29" s="106"/>
      <c r="H29" s="65" t="s">
        <v>1</v>
      </c>
      <c r="I29" s="125" t="s">
        <v>167</v>
      </c>
      <c r="J29" s="129"/>
      <c r="K29" s="55" t="s">
        <v>1</v>
      </c>
      <c r="L29" s="125" t="s">
        <v>174</v>
      </c>
      <c r="M29" s="125"/>
      <c r="N29" s="129"/>
      <c r="O29" s="55" t="s">
        <v>1</v>
      </c>
      <c r="P29" s="125" t="s">
        <v>29</v>
      </c>
      <c r="Q29" s="129"/>
      <c r="R29" s="55" t="s">
        <v>1</v>
      </c>
      <c r="S29" s="125" t="s">
        <v>182</v>
      </c>
      <c r="T29" s="125"/>
      <c r="U29" s="129"/>
      <c r="V29" s="55" t="s">
        <v>1</v>
      </c>
      <c r="W29" s="125" t="s">
        <v>182</v>
      </c>
      <c r="X29" s="125"/>
      <c r="Y29" s="126"/>
      <c r="Z29" s="4"/>
    </row>
    <row r="30" spans="1:28" customFormat="1" ht="28.5" customHeight="1">
      <c r="A30" s="64" t="s">
        <v>1</v>
      </c>
      <c r="B30" s="101" t="s">
        <v>1</v>
      </c>
      <c r="C30" s="102"/>
      <c r="D30" s="109" t="s">
        <v>25</v>
      </c>
      <c r="E30" s="110"/>
      <c r="F30" s="111" t="s">
        <v>156</v>
      </c>
      <c r="G30" s="112"/>
      <c r="H30" s="36" t="s">
        <v>1</v>
      </c>
      <c r="I30" s="99" t="s">
        <v>183</v>
      </c>
      <c r="J30" s="107"/>
      <c r="K30" s="31" t="s">
        <v>1</v>
      </c>
      <c r="L30" s="99" t="s">
        <v>29</v>
      </c>
      <c r="M30" s="99"/>
      <c r="N30" s="107"/>
      <c r="O30" s="31" t="s">
        <v>1</v>
      </c>
      <c r="P30" s="99" t="s">
        <v>29</v>
      </c>
      <c r="Q30" s="107"/>
      <c r="R30" s="31" t="s">
        <v>1</v>
      </c>
      <c r="S30" s="99" t="s">
        <v>183</v>
      </c>
      <c r="T30" s="99"/>
      <c r="U30" s="107"/>
      <c r="V30" s="31" t="s">
        <v>1</v>
      </c>
      <c r="W30" s="99" t="s">
        <v>183</v>
      </c>
      <c r="X30" s="99"/>
      <c r="Y30" s="100"/>
      <c r="Z30" s="4"/>
    </row>
    <row r="31" spans="1:28" customFormat="1" ht="28.5" customHeight="1">
      <c r="A31" s="64" t="s">
        <v>1</v>
      </c>
      <c r="B31" s="101" t="s">
        <v>1</v>
      </c>
      <c r="C31" s="102"/>
      <c r="D31" s="109" t="s">
        <v>35</v>
      </c>
      <c r="E31" s="110"/>
      <c r="F31" s="111" t="s">
        <v>158</v>
      </c>
      <c r="G31" s="112"/>
      <c r="H31" s="36" t="s">
        <v>1</v>
      </c>
      <c r="I31" s="99" t="s">
        <v>173</v>
      </c>
      <c r="J31" s="107"/>
      <c r="K31" s="31" t="s">
        <v>1</v>
      </c>
      <c r="L31" s="99" t="s">
        <v>174</v>
      </c>
      <c r="M31" s="99"/>
      <c r="N31" s="107"/>
      <c r="O31" s="31" t="s">
        <v>1</v>
      </c>
      <c r="P31" s="99" t="s">
        <v>29</v>
      </c>
      <c r="Q31" s="107"/>
      <c r="R31" s="31" t="s">
        <v>1</v>
      </c>
      <c r="S31" s="99" t="s">
        <v>175</v>
      </c>
      <c r="T31" s="99"/>
      <c r="U31" s="107"/>
      <c r="V31" s="31" t="s">
        <v>1</v>
      </c>
      <c r="W31" s="99" t="s">
        <v>175</v>
      </c>
      <c r="X31" s="99"/>
      <c r="Y31" s="100"/>
      <c r="Z31" s="4"/>
    </row>
    <row r="32" spans="1:28" customFormat="1" ht="28.5" customHeight="1">
      <c r="A32" s="64" t="s">
        <v>1</v>
      </c>
      <c r="B32" s="101" t="s">
        <v>1</v>
      </c>
      <c r="C32" s="102"/>
      <c r="D32" s="109" t="s">
        <v>41</v>
      </c>
      <c r="E32" s="110"/>
      <c r="F32" s="111" t="s">
        <v>162</v>
      </c>
      <c r="G32" s="112"/>
      <c r="H32" s="36" t="s">
        <v>1</v>
      </c>
      <c r="I32" s="99" t="s">
        <v>184</v>
      </c>
      <c r="J32" s="107"/>
      <c r="K32" s="31" t="s">
        <v>1</v>
      </c>
      <c r="L32" s="99" t="s">
        <v>29</v>
      </c>
      <c r="M32" s="99"/>
      <c r="N32" s="107"/>
      <c r="O32" s="31" t="s">
        <v>1</v>
      </c>
      <c r="P32" s="99" t="s">
        <v>29</v>
      </c>
      <c r="Q32" s="107"/>
      <c r="R32" s="31" t="s">
        <v>1</v>
      </c>
      <c r="S32" s="99" t="s">
        <v>184</v>
      </c>
      <c r="T32" s="99"/>
      <c r="U32" s="107"/>
      <c r="V32" s="31" t="s">
        <v>1</v>
      </c>
      <c r="W32" s="99" t="s">
        <v>184</v>
      </c>
      <c r="X32" s="99"/>
      <c r="Y32" s="100"/>
      <c r="Z32" s="4"/>
    </row>
    <row r="33" spans="1:26" customFormat="1" ht="28.5" hidden="1" customHeight="1">
      <c r="A33" s="64" t="s">
        <v>87</v>
      </c>
      <c r="B33" s="101" t="s">
        <v>1</v>
      </c>
      <c r="C33" s="102"/>
      <c r="D33" s="136" t="s">
        <v>1</v>
      </c>
      <c r="E33" s="137"/>
      <c r="F33" s="138" t="s">
        <v>1</v>
      </c>
      <c r="G33" s="139"/>
      <c r="H33" s="45" t="s">
        <v>1</v>
      </c>
      <c r="I33" s="133" t="s">
        <v>167</v>
      </c>
      <c r="J33" s="134"/>
      <c r="K33" s="46" t="s">
        <v>1</v>
      </c>
      <c r="L33" s="133" t="s">
        <v>174</v>
      </c>
      <c r="M33" s="133"/>
      <c r="N33" s="134"/>
      <c r="O33" s="46" t="s">
        <v>1</v>
      </c>
      <c r="P33" s="133" t="s">
        <v>29</v>
      </c>
      <c r="Q33" s="134"/>
      <c r="R33" s="46" t="s">
        <v>1</v>
      </c>
      <c r="S33" s="133" t="s">
        <v>182</v>
      </c>
      <c r="T33" s="133"/>
      <c r="U33" s="134"/>
      <c r="V33" s="46" t="s">
        <v>1</v>
      </c>
      <c r="W33" s="133" t="s">
        <v>182</v>
      </c>
      <c r="X33" s="133"/>
      <c r="Y33" s="135"/>
      <c r="Z33" s="4"/>
    </row>
    <row r="34" spans="1:26" customFormat="1" ht="28.5" customHeight="1">
      <c r="A34" s="158" t="s">
        <v>4</v>
      </c>
      <c r="B34" s="159"/>
      <c r="C34" s="159"/>
      <c r="D34" s="159"/>
      <c r="E34" s="159"/>
      <c r="F34" s="159"/>
      <c r="G34" s="159"/>
      <c r="H34" s="80" t="s">
        <v>1</v>
      </c>
      <c r="I34" s="119" t="s">
        <v>167</v>
      </c>
      <c r="J34" s="120"/>
      <c r="K34" s="61" t="s">
        <v>1</v>
      </c>
      <c r="L34" s="119" t="s">
        <v>174</v>
      </c>
      <c r="M34" s="119"/>
      <c r="N34" s="120"/>
      <c r="O34" s="61" t="s">
        <v>1</v>
      </c>
      <c r="P34" s="119" t="s">
        <v>29</v>
      </c>
      <c r="Q34" s="120"/>
      <c r="R34" s="61" t="s">
        <v>1</v>
      </c>
      <c r="S34" s="119" t="s">
        <v>182</v>
      </c>
      <c r="T34" s="119"/>
      <c r="U34" s="120"/>
      <c r="V34" s="61" t="s">
        <v>1</v>
      </c>
      <c r="W34" s="119" t="s">
        <v>182</v>
      </c>
      <c r="X34" s="119"/>
      <c r="Y34" s="176"/>
      <c r="Z34" s="4"/>
    </row>
    <row r="35" spans="1:26" customFormat="1" ht="28.5" hidden="1" customHeight="1">
      <c r="A35" s="64" t="s">
        <v>1</v>
      </c>
      <c r="B35" s="101" t="s">
        <v>1</v>
      </c>
      <c r="C35" s="102"/>
      <c r="D35" s="109" t="s">
        <v>1</v>
      </c>
      <c r="E35" s="110"/>
      <c r="F35" s="111" t="s">
        <v>5</v>
      </c>
      <c r="G35" s="112"/>
      <c r="H35" s="36" t="s">
        <v>1</v>
      </c>
      <c r="I35" s="99" t="s">
        <v>1</v>
      </c>
      <c r="J35" s="107"/>
      <c r="K35" s="31" t="s">
        <v>1</v>
      </c>
      <c r="L35" s="99" t="s">
        <v>185</v>
      </c>
      <c r="M35" s="99"/>
      <c r="N35" s="107"/>
      <c r="O35" s="31" t="s">
        <v>1</v>
      </c>
      <c r="P35" s="99" t="s">
        <v>1</v>
      </c>
      <c r="Q35" s="107"/>
      <c r="R35" s="31" t="s">
        <v>1</v>
      </c>
      <c r="S35" s="99" t="s">
        <v>1</v>
      </c>
      <c r="T35" s="99"/>
      <c r="U35" s="107"/>
      <c r="V35" s="31" t="s">
        <v>1</v>
      </c>
      <c r="W35" s="99" t="s">
        <v>1</v>
      </c>
      <c r="X35" s="99"/>
      <c r="Y35" s="100"/>
      <c r="Z35" s="4"/>
    </row>
    <row r="36" spans="1:26" customFormat="1" ht="28.5" hidden="1" customHeight="1">
      <c r="A36" s="64" t="s">
        <v>1</v>
      </c>
      <c r="B36" s="101" t="s">
        <v>1</v>
      </c>
      <c r="C36" s="102"/>
      <c r="D36" s="109" t="s">
        <v>1</v>
      </c>
      <c r="E36" s="110"/>
      <c r="F36" s="111" t="s">
        <v>88</v>
      </c>
      <c r="G36" s="112"/>
      <c r="H36" s="36" t="s">
        <v>1</v>
      </c>
      <c r="I36" s="99" t="s">
        <v>1</v>
      </c>
      <c r="J36" s="107"/>
      <c r="K36" s="31" t="s">
        <v>1</v>
      </c>
      <c r="L36" s="99" t="s">
        <v>70</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1</v>
      </c>
      <c r="G37" s="112"/>
      <c r="H37" s="36" t="s">
        <v>1</v>
      </c>
      <c r="I37" s="99" t="s">
        <v>1</v>
      </c>
      <c r="J37" s="107"/>
      <c r="K37" s="31" t="s">
        <v>1</v>
      </c>
      <c r="L37" s="99" t="s">
        <v>1</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89</v>
      </c>
      <c r="G38" s="112"/>
      <c r="H38" s="36" t="s">
        <v>1</v>
      </c>
      <c r="I38" s="99" t="s">
        <v>1</v>
      </c>
      <c r="J38" s="107"/>
      <c r="K38" s="31" t="s">
        <v>1</v>
      </c>
      <c r="L38" s="99" t="s">
        <v>1</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1</v>
      </c>
      <c r="G39" s="112"/>
      <c r="H39" s="36" t="s">
        <v>1</v>
      </c>
      <c r="I39" s="99" t="s">
        <v>1</v>
      </c>
      <c r="J39" s="107"/>
      <c r="K39" s="31" t="s">
        <v>1</v>
      </c>
      <c r="L39" s="99" t="s">
        <v>1</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1</v>
      </c>
      <c r="G40" s="112"/>
      <c r="H40" s="36" t="s">
        <v>1</v>
      </c>
      <c r="I40" s="99" t="s">
        <v>1</v>
      </c>
      <c r="J40" s="107"/>
      <c r="K40" s="31" t="s">
        <v>1</v>
      </c>
      <c r="L40" s="99" t="s">
        <v>7</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1</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1</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hidden="1" customHeight="1">
      <c r="A45" s="158" t="s">
        <v>4</v>
      </c>
      <c r="B45" s="159"/>
      <c r="C45" s="159"/>
      <c r="D45" s="159"/>
      <c r="E45" s="159"/>
      <c r="F45" s="159"/>
      <c r="G45" s="159"/>
      <c r="H45" s="66" t="s">
        <v>1</v>
      </c>
      <c r="I45" s="119" t="s">
        <v>167</v>
      </c>
      <c r="J45" s="120"/>
      <c r="K45" s="61" t="s">
        <v>1</v>
      </c>
      <c r="L45" s="119" t="s">
        <v>174</v>
      </c>
      <c r="M45" s="119"/>
      <c r="N45" s="120"/>
      <c r="O45" s="61" t="s">
        <v>1</v>
      </c>
      <c r="P45" s="119" t="s">
        <v>29</v>
      </c>
      <c r="Q45" s="120"/>
      <c r="R45" s="61" t="s">
        <v>1</v>
      </c>
      <c r="S45" s="119" t="s">
        <v>182</v>
      </c>
      <c r="T45" s="119"/>
      <c r="U45" s="120"/>
      <c r="V45" s="61" t="s">
        <v>1</v>
      </c>
      <c r="W45" s="119" t="s">
        <v>182</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185</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I34:J34"/>
    <mergeCell ref="L34:N34"/>
    <mergeCell ref="P34:Q34"/>
    <mergeCell ref="S34:U34"/>
    <mergeCell ref="W34:Y34"/>
    <mergeCell ref="B33:C33"/>
    <mergeCell ref="D33:E33"/>
    <mergeCell ref="F33:G33"/>
    <mergeCell ref="I33:J33"/>
    <mergeCell ref="L33:N33"/>
    <mergeCell ref="P33:Q33"/>
    <mergeCell ref="A34:G34"/>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B243"/>
  <sheetViews>
    <sheetView showGridLines="0" view="pageBreakPreview" topLeftCell="A25" zoomScale="115" zoomScaleNormal="100" zoomScaleSheetLayoutView="11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186</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97" t="s">
        <v>10</v>
      </c>
      <c r="D3" s="197"/>
      <c r="E3" s="197"/>
      <c r="F3" s="197"/>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97"/>
      <c r="D4" s="197"/>
      <c r="E4" s="197"/>
      <c r="F4" s="197"/>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94" t="s">
        <v>187</v>
      </c>
      <c r="C6" s="109" t="s">
        <v>1</v>
      </c>
      <c r="D6" s="110"/>
      <c r="E6" s="187" t="s">
        <v>1</v>
      </c>
      <c r="F6" s="188"/>
      <c r="G6" s="189" t="s">
        <v>188</v>
      </c>
      <c r="H6" s="189"/>
      <c r="I6" s="189"/>
      <c r="J6" s="175" t="s">
        <v>189</v>
      </c>
      <c r="K6" s="175"/>
      <c r="L6" s="175"/>
      <c r="M6" s="53" t="s">
        <v>1</v>
      </c>
      <c r="N6" s="125" t="s">
        <v>189</v>
      </c>
      <c r="O6" s="125"/>
      <c r="P6" s="129"/>
      <c r="Q6" s="175" t="s">
        <v>29</v>
      </c>
      <c r="R6" s="175"/>
      <c r="S6" s="175"/>
      <c r="T6" s="54"/>
      <c r="U6" s="125" t="s">
        <v>29</v>
      </c>
      <c r="V6" s="125"/>
      <c r="W6" s="129"/>
      <c r="X6" s="55" t="s">
        <v>39</v>
      </c>
      <c r="Y6" s="56" t="s">
        <v>190</v>
      </c>
      <c r="Z6" s="20"/>
      <c r="AA6" s="14"/>
      <c r="AB6" s="20"/>
    </row>
    <row r="7" spans="1:28" customFormat="1" ht="29.1" customHeight="1">
      <c r="A7" s="63" t="s">
        <v>1</v>
      </c>
      <c r="B7" s="84" t="s">
        <v>1</v>
      </c>
      <c r="C7" s="109" t="s">
        <v>25</v>
      </c>
      <c r="D7" s="110"/>
      <c r="E7" s="140" t="s">
        <v>77</v>
      </c>
      <c r="F7" s="141"/>
      <c r="G7" s="155" t="s">
        <v>191</v>
      </c>
      <c r="H7" s="155"/>
      <c r="I7" s="155"/>
      <c r="J7" s="156" t="s">
        <v>192</v>
      </c>
      <c r="K7" s="156"/>
      <c r="L7" s="156"/>
      <c r="M7" s="57" t="s">
        <v>1</v>
      </c>
      <c r="N7" s="99" t="s">
        <v>192</v>
      </c>
      <c r="O7" s="99"/>
      <c r="P7" s="107"/>
      <c r="Q7" s="156" t="s">
        <v>29</v>
      </c>
      <c r="R7" s="156"/>
      <c r="S7" s="156"/>
      <c r="T7" s="58"/>
      <c r="U7" s="99" t="s">
        <v>29</v>
      </c>
      <c r="V7" s="99"/>
      <c r="W7" s="107"/>
      <c r="X7" s="31" t="s">
        <v>1</v>
      </c>
      <c r="Y7" s="52" t="s">
        <v>193</v>
      </c>
      <c r="Z7" s="20"/>
      <c r="AA7" s="20"/>
      <c r="AB7" s="20"/>
    </row>
    <row r="8" spans="1:28" customFormat="1" ht="29.1" customHeight="1">
      <c r="A8" s="63" t="s">
        <v>1</v>
      </c>
      <c r="B8" s="51" t="s">
        <v>1</v>
      </c>
      <c r="C8" s="109" t="s">
        <v>35</v>
      </c>
      <c r="D8" s="110"/>
      <c r="E8" s="140" t="s">
        <v>194</v>
      </c>
      <c r="F8" s="141"/>
      <c r="G8" s="155" t="s">
        <v>195</v>
      </c>
      <c r="H8" s="155"/>
      <c r="I8" s="155"/>
      <c r="J8" s="156" t="s">
        <v>196</v>
      </c>
      <c r="K8" s="156"/>
      <c r="L8" s="156"/>
      <c r="M8" s="57" t="s">
        <v>1</v>
      </c>
      <c r="N8" s="99" t="s">
        <v>196</v>
      </c>
      <c r="O8" s="99"/>
      <c r="P8" s="107"/>
      <c r="Q8" s="156" t="s">
        <v>29</v>
      </c>
      <c r="R8" s="156"/>
      <c r="S8" s="156"/>
      <c r="T8" s="58"/>
      <c r="U8" s="99" t="s">
        <v>29</v>
      </c>
      <c r="V8" s="99"/>
      <c r="W8" s="107"/>
      <c r="X8" s="31" t="s">
        <v>1</v>
      </c>
      <c r="Y8" s="52" t="s">
        <v>197</v>
      </c>
      <c r="Z8" s="20"/>
      <c r="AA8" s="20"/>
      <c r="AB8" s="20"/>
    </row>
    <row r="9" spans="1:28" customFormat="1" ht="29.1" customHeight="1">
      <c r="A9" s="63" t="s">
        <v>1</v>
      </c>
      <c r="B9" s="51" t="s">
        <v>1</v>
      </c>
      <c r="C9" s="109" t="s">
        <v>41</v>
      </c>
      <c r="D9" s="110"/>
      <c r="E9" s="140" t="s">
        <v>36</v>
      </c>
      <c r="F9" s="141"/>
      <c r="G9" s="155" t="s">
        <v>198</v>
      </c>
      <c r="H9" s="155"/>
      <c r="I9" s="155"/>
      <c r="J9" s="156" t="s">
        <v>199</v>
      </c>
      <c r="K9" s="156"/>
      <c r="L9" s="156"/>
      <c r="M9" s="57" t="s">
        <v>1</v>
      </c>
      <c r="N9" s="99" t="s">
        <v>199</v>
      </c>
      <c r="O9" s="99"/>
      <c r="P9" s="107"/>
      <c r="Q9" s="156" t="s">
        <v>29</v>
      </c>
      <c r="R9" s="156"/>
      <c r="S9" s="156"/>
      <c r="T9" s="58"/>
      <c r="U9" s="99" t="s">
        <v>29</v>
      </c>
      <c r="V9" s="99"/>
      <c r="W9" s="107"/>
      <c r="X9" s="31" t="s">
        <v>39</v>
      </c>
      <c r="Y9" s="52" t="s">
        <v>200</v>
      </c>
      <c r="Z9" s="20"/>
      <c r="AA9" s="20"/>
      <c r="AB9" s="20"/>
    </row>
    <row r="10" spans="1:28" customFormat="1" ht="29.1" customHeight="1">
      <c r="A10" s="63" t="s">
        <v>1</v>
      </c>
      <c r="B10" s="51" t="s">
        <v>1</v>
      </c>
      <c r="C10" s="109" t="s">
        <v>46</v>
      </c>
      <c r="D10" s="110"/>
      <c r="E10" s="140" t="s">
        <v>47</v>
      </c>
      <c r="F10" s="141"/>
      <c r="G10" s="155" t="s">
        <v>201</v>
      </c>
      <c r="H10" s="155"/>
      <c r="I10" s="155"/>
      <c r="J10" s="156" t="s">
        <v>202</v>
      </c>
      <c r="K10" s="156"/>
      <c r="L10" s="156"/>
      <c r="M10" s="57" t="s">
        <v>1</v>
      </c>
      <c r="N10" s="99" t="s">
        <v>202</v>
      </c>
      <c r="O10" s="99"/>
      <c r="P10" s="107"/>
      <c r="Q10" s="156" t="s">
        <v>29</v>
      </c>
      <c r="R10" s="156"/>
      <c r="S10" s="156"/>
      <c r="T10" s="58"/>
      <c r="U10" s="99" t="s">
        <v>29</v>
      </c>
      <c r="V10" s="99"/>
      <c r="W10" s="107"/>
      <c r="X10" s="31" t="s">
        <v>1</v>
      </c>
      <c r="Y10" s="52" t="s">
        <v>203</v>
      </c>
      <c r="Z10" s="20"/>
      <c r="AA10" s="20"/>
      <c r="AB10" s="20"/>
    </row>
    <row r="11" spans="1:28" customFormat="1" ht="29.1" customHeight="1">
      <c r="A11" s="63" t="s">
        <v>1</v>
      </c>
      <c r="B11" s="51" t="s">
        <v>1</v>
      </c>
      <c r="C11" s="109" t="s">
        <v>129</v>
      </c>
      <c r="D11" s="110"/>
      <c r="E11" s="140" t="s">
        <v>42</v>
      </c>
      <c r="F11" s="141"/>
      <c r="G11" s="155" t="s">
        <v>204</v>
      </c>
      <c r="H11" s="155"/>
      <c r="I11" s="155"/>
      <c r="J11" s="156" t="s">
        <v>205</v>
      </c>
      <c r="K11" s="156"/>
      <c r="L11" s="156"/>
      <c r="M11" s="57" t="s">
        <v>1</v>
      </c>
      <c r="N11" s="99" t="s">
        <v>205</v>
      </c>
      <c r="O11" s="99"/>
      <c r="P11" s="107"/>
      <c r="Q11" s="156" t="s">
        <v>29</v>
      </c>
      <c r="R11" s="156"/>
      <c r="S11" s="156"/>
      <c r="T11" s="58"/>
      <c r="U11" s="99" t="s">
        <v>29</v>
      </c>
      <c r="V11" s="99"/>
      <c r="W11" s="107"/>
      <c r="X11" s="31" t="s">
        <v>1</v>
      </c>
      <c r="Y11" s="52" t="s">
        <v>206</v>
      </c>
      <c r="Z11" s="20"/>
      <c r="AA11" s="20"/>
      <c r="AB11" s="20"/>
    </row>
    <row r="12" spans="1:28" customFormat="1" ht="29.1" hidden="1" customHeight="1">
      <c r="A12" s="63" t="s">
        <v>51</v>
      </c>
      <c r="B12" s="51" t="s">
        <v>1</v>
      </c>
      <c r="C12" s="109" t="s">
        <v>1</v>
      </c>
      <c r="D12" s="110"/>
      <c r="E12" s="140" t="s">
        <v>1</v>
      </c>
      <c r="F12" s="141"/>
      <c r="G12" s="155" t="s">
        <v>188</v>
      </c>
      <c r="H12" s="155"/>
      <c r="I12" s="155"/>
      <c r="J12" s="156" t="s">
        <v>189</v>
      </c>
      <c r="K12" s="156"/>
      <c r="L12" s="156"/>
      <c r="M12" s="57" t="s">
        <v>1</v>
      </c>
      <c r="N12" s="99" t="s">
        <v>189</v>
      </c>
      <c r="O12" s="99"/>
      <c r="P12" s="107"/>
      <c r="Q12" s="156" t="s">
        <v>29</v>
      </c>
      <c r="R12" s="156"/>
      <c r="S12" s="156"/>
      <c r="T12" s="58"/>
      <c r="U12" s="99" t="s">
        <v>29</v>
      </c>
      <c r="V12" s="99"/>
      <c r="W12" s="107"/>
      <c r="X12" s="31" t="s">
        <v>39</v>
      </c>
      <c r="Y12" s="52" t="s">
        <v>190</v>
      </c>
      <c r="Z12" s="20"/>
      <c r="AA12" s="20"/>
      <c r="AB12" s="20"/>
    </row>
    <row r="13" spans="1:28" customFormat="1" ht="29.1" hidden="1" customHeight="1">
      <c r="A13" s="63" t="s">
        <v>1</v>
      </c>
      <c r="B13" s="51" t="s">
        <v>1</v>
      </c>
      <c r="C13" s="109" t="s">
        <v>1</v>
      </c>
      <c r="D13" s="110"/>
      <c r="E13" s="140" t="s">
        <v>1</v>
      </c>
      <c r="F13" s="141"/>
      <c r="G13" s="155" t="s">
        <v>1</v>
      </c>
      <c r="H13" s="155"/>
      <c r="I13" s="155"/>
      <c r="J13" s="156" t="s">
        <v>1</v>
      </c>
      <c r="K13" s="156"/>
      <c r="L13" s="156"/>
      <c r="M13" s="57" t="s">
        <v>1</v>
      </c>
      <c r="N13" s="99" t="s">
        <v>1</v>
      </c>
      <c r="O13" s="99"/>
      <c r="P13" s="107"/>
      <c r="Q13" s="156" t="s">
        <v>1</v>
      </c>
      <c r="R13" s="156"/>
      <c r="S13" s="156"/>
      <c r="T13" s="58"/>
      <c r="U13" s="99" t="s">
        <v>1</v>
      </c>
      <c r="V13" s="99"/>
      <c r="W13" s="107"/>
      <c r="X13" s="31" t="s">
        <v>1</v>
      </c>
      <c r="Y13" s="52" t="s">
        <v>1</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58"/>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customHeight="1">
      <c r="A23" s="158" t="s">
        <v>9</v>
      </c>
      <c r="B23" s="159"/>
      <c r="C23" s="159"/>
      <c r="D23" s="159"/>
      <c r="E23" s="159"/>
      <c r="F23" s="159"/>
      <c r="G23" s="160" t="s">
        <v>188</v>
      </c>
      <c r="H23" s="160"/>
      <c r="I23" s="160"/>
      <c r="J23" s="157" t="s">
        <v>189</v>
      </c>
      <c r="K23" s="157"/>
      <c r="L23" s="157"/>
      <c r="M23" s="59" t="s">
        <v>1</v>
      </c>
      <c r="N23" s="119" t="s">
        <v>189</v>
      </c>
      <c r="O23" s="119"/>
      <c r="P23" s="120"/>
      <c r="Q23" s="157" t="s">
        <v>29</v>
      </c>
      <c r="R23" s="157"/>
      <c r="S23" s="157"/>
      <c r="T23" s="60"/>
      <c r="U23" s="119" t="s">
        <v>29</v>
      </c>
      <c r="V23" s="119"/>
      <c r="W23" s="120"/>
      <c r="X23" s="61" t="s">
        <v>39</v>
      </c>
      <c r="Y23" s="62" t="s">
        <v>190</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95" t="s">
        <v>207</v>
      </c>
      <c r="C29" s="196"/>
      <c r="D29" s="103" t="s">
        <v>1</v>
      </c>
      <c r="E29" s="104"/>
      <c r="F29" s="105" t="s">
        <v>1</v>
      </c>
      <c r="G29" s="106"/>
      <c r="H29" s="65" t="s">
        <v>1</v>
      </c>
      <c r="I29" s="125" t="s">
        <v>188</v>
      </c>
      <c r="J29" s="129"/>
      <c r="K29" s="55" t="s">
        <v>1</v>
      </c>
      <c r="L29" s="125" t="s">
        <v>208</v>
      </c>
      <c r="M29" s="125"/>
      <c r="N29" s="129"/>
      <c r="O29" s="55" t="s">
        <v>1</v>
      </c>
      <c r="P29" s="125" t="s">
        <v>209</v>
      </c>
      <c r="Q29" s="129"/>
      <c r="R29" s="55" t="s">
        <v>1</v>
      </c>
      <c r="S29" s="125" t="s">
        <v>210</v>
      </c>
      <c r="T29" s="125"/>
      <c r="U29" s="129"/>
      <c r="V29" s="55" t="s">
        <v>1</v>
      </c>
      <c r="W29" s="125" t="s">
        <v>211</v>
      </c>
      <c r="X29" s="125"/>
      <c r="Y29" s="126"/>
      <c r="Z29" s="4"/>
    </row>
    <row r="30" spans="1:28" customFormat="1" ht="28.5" customHeight="1">
      <c r="A30" s="64" t="s">
        <v>1</v>
      </c>
      <c r="B30" s="101" t="s">
        <v>1</v>
      </c>
      <c r="C30" s="102"/>
      <c r="D30" s="109" t="s">
        <v>25</v>
      </c>
      <c r="E30" s="110"/>
      <c r="F30" s="111" t="s">
        <v>212</v>
      </c>
      <c r="G30" s="112"/>
      <c r="H30" s="36" t="s">
        <v>1</v>
      </c>
      <c r="I30" s="99" t="s">
        <v>213</v>
      </c>
      <c r="J30" s="107"/>
      <c r="K30" s="31" t="s">
        <v>1</v>
      </c>
      <c r="L30" s="99" t="s">
        <v>214</v>
      </c>
      <c r="M30" s="99"/>
      <c r="N30" s="107"/>
      <c r="O30" s="31" t="s">
        <v>1</v>
      </c>
      <c r="P30" s="99" t="s">
        <v>209</v>
      </c>
      <c r="Q30" s="107"/>
      <c r="R30" s="31" t="s">
        <v>1</v>
      </c>
      <c r="S30" s="99" t="s">
        <v>210</v>
      </c>
      <c r="T30" s="99"/>
      <c r="U30" s="107"/>
      <c r="V30" s="31" t="s">
        <v>1</v>
      </c>
      <c r="W30" s="99" t="s">
        <v>211</v>
      </c>
      <c r="X30" s="99"/>
      <c r="Y30" s="100"/>
      <c r="Z30" s="4"/>
    </row>
    <row r="31" spans="1:28" customFormat="1" ht="28.5" customHeight="1">
      <c r="A31" s="64" t="s">
        <v>1</v>
      </c>
      <c r="B31" s="101" t="s">
        <v>1</v>
      </c>
      <c r="C31" s="102"/>
      <c r="D31" s="109" t="s">
        <v>35</v>
      </c>
      <c r="E31" s="110"/>
      <c r="F31" s="111" t="s">
        <v>215</v>
      </c>
      <c r="G31" s="112"/>
      <c r="H31" s="36" t="s">
        <v>1</v>
      </c>
      <c r="I31" s="99" t="s">
        <v>216</v>
      </c>
      <c r="J31" s="107"/>
      <c r="K31" s="31" t="s">
        <v>1</v>
      </c>
      <c r="L31" s="99" t="s">
        <v>216</v>
      </c>
      <c r="M31" s="99"/>
      <c r="N31" s="107"/>
      <c r="O31" s="31" t="s">
        <v>1</v>
      </c>
      <c r="P31" s="99" t="s">
        <v>29</v>
      </c>
      <c r="Q31" s="107"/>
      <c r="R31" s="31" t="s">
        <v>1</v>
      </c>
      <c r="S31" s="99" t="s">
        <v>29</v>
      </c>
      <c r="T31" s="99"/>
      <c r="U31" s="107"/>
      <c r="V31" s="31" t="s">
        <v>1</v>
      </c>
      <c r="W31" s="99" t="s">
        <v>29</v>
      </c>
      <c r="X31" s="99"/>
      <c r="Y31" s="100"/>
      <c r="Z31" s="4"/>
    </row>
    <row r="32" spans="1:28" customFormat="1" ht="28.5" hidden="1" customHeight="1">
      <c r="A32" s="64" t="s">
        <v>87</v>
      </c>
      <c r="B32" s="101" t="s">
        <v>1</v>
      </c>
      <c r="C32" s="102"/>
      <c r="D32" s="109" t="s">
        <v>1</v>
      </c>
      <c r="E32" s="110"/>
      <c r="F32" s="111" t="s">
        <v>1</v>
      </c>
      <c r="G32" s="112"/>
      <c r="H32" s="36" t="s">
        <v>1</v>
      </c>
      <c r="I32" s="99" t="s">
        <v>188</v>
      </c>
      <c r="J32" s="107"/>
      <c r="K32" s="31" t="s">
        <v>1</v>
      </c>
      <c r="L32" s="99" t="s">
        <v>208</v>
      </c>
      <c r="M32" s="99"/>
      <c r="N32" s="107"/>
      <c r="O32" s="31" t="s">
        <v>1</v>
      </c>
      <c r="P32" s="99" t="s">
        <v>209</v>
      </c>
      <c r="Q32" s="107"/>
      <c r="R32" s="31" t="s">
        <v>1</v>
      </c>
      <c r="S32" s="99" t="s">
        <v>210</v>
      </c>
      <c r="T32" s="99"/>
      <c r="U32" s="107"/>
      <c r="V32" s="31" t="s">
        <v>1</v>
      </c>
      <c r="W32" s="99" t="s">
        <v>211</v>
      </c>
      <c r="X32" s="99"/>
      <c r="Y32" s="100"/>
      <c r="Z32" s="4"/>
    </row>
    <row r="33" spans="1:26" customFormat="1" ht="28.5" hidden="1" customHeight="1">
      <c r="A33" s="64" t="s">
        <v>1</v>
      </c>
      <c r="B33" s="101" t="s">
        <v>1</v>
      </c>
      <c r="C33" s="102"/>
      <c r="D33" s="109" t="s">
        <v>1</v>
      </c>
      <c r="E33" s="110"/>
      <c r="F33" s="111" t="s">
        <v>1</v>
      </c>
      <c r="G33" s="112"/>
      <c r="H33" s="36" t="s">
        <v>1</v>
      </c>
      <c r="I33" s="99" t="s">
        <v>1</v>
      </c>
      <c r="J33" s="107"/>
      <c r="K33" s="31" t="s">
        <v>1</v>
      </c>
      <c r="L33" s="99" t="s">
        <v>1</v>
      </c>
      <c r="M33" s="99"/>
      <c r="N33" s="107"/>
      <c r="O33" s="31" t="s">
        <v>1</v>
      </c>
      <c r="P33" s="99" t="s">
        <v>1</v>
      </c>
      <c r="Q33" s="107"/>
      <c r="R33" s="31" t="s">
        <v>1</v>
      </c>
      <c r="S33" s="99" t="s">
        <v>1</v>
      </c>
      <c r="T33" s="99"/>
      <c r="U33" s="107"/>
      <c r="V33" s="31" t="s">
        <v>1</v>
      </c>
      <c r="W33" s="99" t="s">
        <v>1</v>
      </c>
      <c r="X33" s="99"/>
      <c r="Y33" s="100"/>
      <c r="Z33" s="4"/>
    </row>
    <row r="34" spans="1:26" customFormat="1" ht="28.5" hidden="1" customHeight="1">
      <c r="A34" s="64" t="s">
        <v>1</v>
      </c>
      <c r="B34" s="101" t="s">
        <v>1</v>
      </c>
      <c r="C34" s="102"/>
      <c r="D34" s="109" t="s">
        <v>1</v>
      </c>
      <c r="E34" s="110"/>
      <c r="F34" s="111" t="s">
        <v>5</v>
      </c>
      <c r="G34" s="112"/>
      <c r="H34" s="36" t="s">
        <v>1</v>
      </c>
      <c r="I34" s="99" t="s">
        <v>1</v>
      </c>
      <c r="J34" s="107"/>
      <c r="K34" s="31" t="s">
        <v>1</v>
      </c>
      <c r="L34" s="99" t="s">
        <v>217</v>
      </c>
      <c r="M34" s="99"/>
      <c r="N34" s="107"/>
      <c r="O34" s="31" t="s">
        <v>1</v>
      </c>
      <c r="P34" s="99" t="s">
        <v>1</v>
      </c>
      <c r="Q34" s="107"/>
      <c r="R34" s="31" t="s">
        <v>1</v>
      </c>
      <c r="S34" s="99" t="s">
        <v>1</v>
      </c>
      <c r="T34" s="99"/>
      <c r="U34" s="107"/>
      <c r="V34" s="31" t="s">
        <v>1</v>
      </c>
      <c r="W34" s="99" t="s">
        <v>1</v>
      </c>
      <c r="X34" s="99"/>
      <c r="Y34" s="100"/>
      <c r="Z34" s="4"/>
    </row>
    <row r="35" spans="1:26" customFormat="1" ht="28.5" hidden="1" customHeight="1">
      <c r="A35" s="64" t="s">
        <v>1</v>
      </c>
      <c r="B35" s="101" t="s">
        <v>1</v>
      </c>
      <c r="C35" s="102"/>
      <c r="D35" s="109" t="s">
        <v>1</v>
      </c>
      <c r="E35" s="110"/>
      <c r="F35" s="111" t="s">
        <v>88</v>
      </c>
      <c r="G35" s="112"/>
      <c r="H35" s="36" t="s">
        <v>1</v>
      </c>
      <c r="I35" s="99" t="s">
        <v>1</v>
      </c>
      <c r="J35" s="107"/>
      <c r="K35" s="31" t="s">
        <v>1</v>
      </c>
      <c r="L35" s="99" t="s">
        <v>70</v>
      </c>
      <c r="M35" s="99"/>
      <c r="N35" s="107"/>
      <c r="O35" s="31" t="s">
        <v>1</v>
      </c>
      <c r="P35" s="99" t="s">
        <v>1</v>
      </c>
      <c r="Q35" s="107"/>
      <c r="R35" s="31" t="s">
        <v>1</v>
      </c>
      <c r="S35" s="99" t="s">
        <v>1</v>
      </c>
      <c r="T35" s="99"/>
      <c r="U35" s="107"/>
      <c r="V35" s="31" t="s">
        <v>1</v>
      </c>
      <c r="W35" s="99" t="s">
        <v>1</v>
      </c>
      <c r="X35" s="99"/>
      <c r="Y35" s="100"/>
      <c r="Z35" s="4"/>
    </row>
    <row r="36" spans="1:26" customFormat="1" ht="28.5" hidden="1" customHeight="1">
      <c r="A36" s="64" t="s">
        <v>1</v>
      </c>
      <c r="B36" s="101" t="s">
        <v>1</v>
      </c>
      <c r="C36" s="102"/>
      <c r="D36" s="109" t="s">
        <v>1</v>
      </c>
      <c r="E36" s="110"/>
      <c r="F36" s="111" t="s">
        <v>1</v>
      </c>
      <c r="G36" s="112"/>
      <c r="H36" s="36" t="s">
        <v>1</v>
      </c>
      <c r="I36" s="99" t="s">
        <v>1</v>
      </c>
      <c r="J36" s="107"/>
      <c r="K36" s="31" t="s">
        <v>1</v>
      </c>
      <c r="L36" s="99" t="s">
        <v>1</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89</v>
      </c>
      <c r="G37" s="112"/>
      <c r="H37" s="36" t="s">
        <v>1</v>
      </c>
      <c r="I37" s="99" t="s">
        <v>1</v>
      </c>
      <c r="J37" s="107"/>
      <c r="K37" s="31" t="s">
        <v>1</v>
      </c>
      <c r="L37" s="99" t="s">
        <v>1</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1</v>
      </c>
      <c r="G38" s="112"/>
      <c r="H38" s="36" t="s">
        <v>1</v>
      </c>
      <c r="I38" s="99" t="s">
        <v>1</v>
      </c>
      <c r="J38" s="107"/>
      <c r="K38" s="31" t="s">
        <v>1</v>
      </c>
      <c r="L38" s="99" t="s">
        <v>1</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1</v>
      </c>
      <c r="G39" s="112"/>
      <c r="H39" s="36" t="s">
        <v>1</v>
      </c>
      <c r="I39" s="99" t="s">
        <v>1</v>
      </c>
      <c r="J39" s="107"/>
      <c r="K39" s="31" t="s">
        <v>1</v>
      </c>
      <c r="L39" s="99" t="s">
        <v>7</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1</v>
      </c>
      <c r="G40" s="112"/>
      <c r="H40" s="36" t="s">
        <v>1</v>
      </c>
      <c r="I40" s="99" t="s">
        <v>1</v>
      </c>
      <c r="J40" s="107"/>
      <c r="K40" s="31" t="s">
        <v>1</v>
      </c>
      <c r="L40" s="99" t="s">
        <v>1</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1</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1</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customHeight="1">
      <c r="A45" s="158" t="s">
        <v>4</v>
      </c>
      <c r="B45" s="159"/>
      <c r="C45" s="159"/>
      <c r="D45" s="159"/>
      <c r="E45" s="159"/>
      <c r="F45" s="159"/>
      <c r="G45" s="159"/>
      <c r="H45" s="74" t="s">
        <v>1</v>
      </c>
      <c r="I45" s="119" t="s">
        <v>188</v>
      </c>
      <c r="J45" s="120"/>
      <c r="K45" s="75" t="s">
        <v>1</v>
      </c>
      <c r="L45" s="119" t="s">
        <v>208</v>
      </c>
      <c r="M45" s="119"/>
      <c r="N45" s="120"/>
      <c r="O45" s="61" t="s">
        <v>1</v>
      </c>
      <c r="P45" s="119" t="s">
        <v>209</v>
      </c>
      <c r="Q45" s="120"/>
      <c r="R45" s="61" t="s">
        <v>1</v>
      </c>
      <c r="S45" s="119" t="s">
        <v>210</v>
      </c>
      <c r="T45" s="119"/>
      <c r="U45" s="120"/>
      <c r="V45" s="61" t="s">
        <v>1</v>
      </c>
      <c r="W45" s="119" t="s">
        <v>211</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217</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4">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B243"/>
  <sheetViews>
    <sheetView showGridLines="0" view="pageBreakPreview" topLeftCell="A27" zoomScale="115" zoomScaleNormal="115" zoomScaleSheetLayoutView="11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15" t="s">
        <v>218</v>
      </c>
      <c r="B1" s="115"/>
      <c r="C1" s="115"/>
      <c r="D1" s="115"/>
      <c r="E1" s="115"/>
      <c r="F1" s="115"/>
      <c r="G1" s="115"/>
      <c r="H1" s="115"/>
      <c r="I1" s="115"/>
      <c r="J1" s="115"/>
      <c r="K1" s="115"/>
      <c r="L1" s="115"/>
      <c r="M1" s="115"/>
      <c r="N1" s="115"/>
      <c r="O1" s="115"/>
      <c r="P1" s="115"/>
      <c r="Q1" s="115"/>
      <c r="R1" s="115"/>
      <c r="S1" s="115"/>
      <c r="T1" s="115"/>
      <c r="U1" s="115"/>
      <c r="V1" s="115"/>
      <c r="W1" s="115"/>
      <c r="X1" s="115"/>
      <c r="Y1" s="115"/>
    </row>
    <row r="2" spans="1:28" s="3" customFormat="1" ht="29.1" customHeight="1">
      <c r="A2" s="1" t="s">
        <v>8</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61" t="s">
        <v>2</v>
      </c>
      <c r="B3" s="162"/>
      <c r="C3" s="163" t="s">
        <v>10</v>
      </c>
      <c r="D3" s="163"/>
      <c r="E3" s="163"/>
      <c r="F3" s="163"/>
      <c r="G3" s="162" t="s">
        <v>11</v>
      </c>
      <c r="H3" s="162"/>
      <c r="I3" s="162"/>
      <c r="J3" s="162" t="s">
        <v>12</v>
      </c>
      <c r="K3" s="162"/>
      <c r="L3" s="162"/>
      <c r="M3" s="162" t="s">
        <v>13</v>
      </c>
      <c r="N3" s="162"/>
      <c r="O3" s="162"/>
      <c r="P3" s="162"/>
      <c r="Q3" s="171" t="s">
        <v>14</v>
      </c>
      <c r="R3" s="171"/>
      <c r="S3" s="171"/>
      <c r="T3" s="162" t="s">
        <v>15</v>
      </c>
      <c r="U3" s="162"/>
      <c r="V3" s="162"/>
      <c r="W3" s="162"/>
      <c r="X3" s="172" t="s">
        <v>16</v>
      </c>
      <c r="Y3" s="173"/>
      <c r="Z3" s="14"/>
      <c r="AA3" s="30"/>
      <c r="AB3" s="30"/>
    </row>
    <row r="4" spans="1:28" ht="19.5" customHeight="1">
      <c r="A4" s="161"/>
      <c r="B4" s="162"/>
      <c r="C4" s="163"/>
      <c r="D4" s="163"/>
      <c r="E4" s="163"/>
      <c r="F4" s="163"/>
      <c r="G4" s="162"/>
      <c r="H4" s="162"/>
      <c r="I4" s="162"/>
      <c r="J4" s="162"/>
      <c r="K4" s="162"/>
      <c r="L4" s="162"/>
      <c r="M4" s="162"/>
      <c r="N4" s="162"/>
      <c r="O4" s="162"/>
      <c r="P4" s="162"/>
      <c r="Q4" s="171"/>
      <c r="R4" s="171"/>
      <c r="S4" s="171"/>
      <c r="T4" s="162"/>
      <c r="U4" s="162"/>
      <c r="V4" s="162"/>
      <c r="W4" s="162"/>
      <c r="X4" s="172"/>
      <c r="Y4" s="173"/>
      <c r="Z4" s="14"/>
      <c r="AA4" s="14"/>
      <c r="AB4" s="14"/>
    </row>
    <row r="5" spans="1:28" ht="10.5" customHeight="1">
      <c r="A5" s="29"/>
      <c r="B5" s="16"/>
      <c r="C5" s="164"/>
      <c r="D5" s="164"/>
      <c r="E5" s="164"/>
      <c r="F5" s="164"/>
      <c r="G5" s="164" t="s">
        <v>17</v>
      </c>
      <c r="H5" s="164"/>
      <c r="I5" s="164"/>
      <c r="J5" s="164" t="s">
        <v>17</v>
      </c>
      <c r="K5" s="164"/>
      <c r="L5" s="164"/>
      <c r="M5" s="164" t="s">
        <v>17</v>
      </c>
      <c r="N5" s="164"/>
      <c r="O5" s="164"/>
      <c r="P5" s="164"/>
      <c r="Q5" s="174" t="s">
        <v>17</v>
      </c>
      <c r="R5" s="174"/>
      <c r="S5" s="174"/>
      <c r="T5" s="169" t="s">
        <v>17</v>
      </c>
      <c r="U5" s="169"/>
      <c r="V5" s="169"/>
      <c r="W5" s="169"/>
      <c r="X5" s="169" t="s">
        <v>17</v>
      </c>
      <c r="Y5" s="170"/>
      <c r="Z5" s="14"/>
      <c r="AB5" s="14"/>
    </row>
    <row r="6" spans="1:28" customFormat="1" ht="29.1" customHeight="1">
      <c r="A6" s="63" t="s">
        <v>25</v>
      </c>
      <c r="B6" s="51" t="s">
        <v>219</v>
      </c>
      <c r="C6" s="109" t="s">
        <v>1</v>
      </c>
      <c r="D6" s="110"/>
      <c r="E6" s="187" t="s">
        <v>1</v>
      </c>
      <c r="F6" s="188"/>
      <c r="G6" s="189" t="s">
        <v>220</v>
      </c>
      <c r="H6" s="189"/>
      <c r="I6" s="189"/>
      <c r="J6" s="175" t="s">
        <v>221</v>
      </c>
      <c r="K6" s="175"/>
      <c r="L6" s="175"/>
      <c r="M6" s="53" t="s">
        <v>1</v>
      </c>
      <c r="N6" s="125" t="s">
        <v>221</v>
      </c>
      <c r="O6" s="125"/>
      <c r="P6" s="129"/>
      <c r="Q6" s="175" t="s">
        <v>29</v>
      </c>
      <c r="R6" s="175"/>
      <c r="S6" s="175"/>
      <c r="T6" s="54"/>
      <c r="U6" s="125" t="s">
        <v>29</v>
      </c>
      <c r="V6" s="125"/>
      <c r="W6" s="129"/>
      <c r="X6" s="55" t="s">
        <v>1</v>
      </c>
      <c r="Y6" s="56" t="s">
        <v>222</v>
      </c>
      <c r="Z6" s="20"/>
      <c r="AA6" s="14"/>
      <c r="AB6" s="20"/>
    </row>
    <row r="7" spans="1:28" customFormat="1" ht="29.1" customHeight="1">
      <c r="A7" s="63" t="s">
        <v>1</v>
      </c>
      <c r="B7" s="51" t="s">
        <v>1</v>
      </c>
      <c r="C7" s="109" t="s">
        <v>25</v>
      </c>
      <c r="D7" s="110"/>
      <c r="E7" s="140" t="s">
        <v>31</v>
      </c>
      <c r="F7" s="141"/>
      <c r="G7" s="155" t="s">
        <v>223</v>
      </c>
      <c r="H7" s="155"/>
      <c r="I7" s="155"/>
      <c r="J7" s="156" t="s">
        <v>223</v>
      </c>
      <c r="K7" s="156"/>
      <c r="L7" s="156"/>
      <c r="M7" s="57" t="s">
        <v>1</v>
      </c>
      <c r="N7" s="99" t="s">
        <v>223</v>
      </c>
      <c r="O7" s="99"/>
      <c r="P7" s="107"/>
      <c r="Q7" s="156" t="s">
        <v>29</v>
      </c>
      <c r="R7" s="156"/>
      <c r="S7" s="156"/>
      <c r="T7" s="58"/>
      <c r="U7" s="99" t="s">
        <v>29</v>
      </c>
      <c r="V7" s="99"/>
      <c r="W7" s="107"/>
      <c r="X7" s="31" t="s">
        <v>1</v>
      </c>
      <c r="Y7" s="52" t="s">
        <v>29</v>
      </c>
      <c r="Z7" s="20"/>
      <c r="AA7" s="20"/>
      <c r="AB7" s="20"/>
    </row>
    <row r="8" spans="1:28" customFormat="1" ht="29.1" customHeight="1">
      <c r="A8" s="63" t="s">
        <v>1</v>
      </c>
      <c r="B8" s="51" t="s">
        <v>1</v>
      </c>
      <c r="C8" s="109" t="s">
        <v>35</v>
      </c>
      <c r="D8" s="110"/>
      <c r="E8" s="140" t="s">
        <v>36</v>
      </c>
      <c r="F8" s="141"/>
      <c r="G8" s="155" t="s">
        <v>224</v>
      </c>
      <c r="H8" s="155"/>
      <c r="I8" s="155"/>
      <c r="J8" s="156" t="s">
        <v>225</v>
      </c>
      <c r="K8" s="156"/>
      <c r="L8" s="156"/>
      <c r="M8" s="57" t="s">
        <v>1</v>
      </c>
      <c r="N8" s="99" t="s">
        <v>225</v>
      </c>
      <c r="O8" s="99"/>
      <c r="P8" s="107"/>
      <c r="Q8" s="156" t="s">
        <v>29</v>
      </c>
      <c r="R8" s="156"/>
      <c r="S8" s="156"/>
      <c r="T8" s="58"/>
      <c r="U8" s="99" t="s">
        <v>29</v>
      </c>
      <c r="V8" s="99"/>
      <c r="W8" s="107"/>
      <c r="X8" s="31" t="s">
        <v>39</v>
      </c>
      <c r="Y8" s="52" t="s">
        <v>226</v>
      </c>
      <c r="Z8" s="20"/>
      <c r="AA8" s="20"/>
      <c r="AB8" s="20"/>
    </row>
    <row r="9" spans="1:28" customFormat="1" ht="29.1" customHeight="1">
      <c r="A9" s="63" t="s">
        <v>1</v>
      </c>
      <c r="B9" s="51" t="s">
        <v>1</v>
      </c>
      <c r="C9" s="109" t="s">
        <v>41</v>
      </c>
      <c r="D9" s="110"/>
      <c r="E9" s="140" t="s">
        <v>42</v>
      </c>
      <c r="F9" s="141"/>
      <c r="G9" s="155" t="s">
        <v>227</v>
      </c>
      <c r="H9" s="155"/>
      <c r="I9" s="155"/>
      <c r="J9" s="156" t="s">
        <v>228</v>
      </c>
      <c r="K9" s="156"/>
      <c r="L9" s="156"/>
      <c r="M9" s="57" t="s">
        <v>1</v>
      </c>
      <c r="N9" s="99" t="s">
        <v>228</v>
      </c>
      <c r="O9" s="99"/>
      <c r="P9" s="107"/>
      <c r="Q9" s="156" t="s">
        <v>29</v>
      </c>
      <c r="R9" s="156"/>
      <c r="S9" s="156"/>
      <c r="T9" s="58"/>
      <c r="U9" s="99" t="s">
        <v>29</v>
      </c>
      <c r="V9" s="99"/>
      <c r="W9" s="107"/>
      <c r="X9" s="31" t="s">
        <v>1</v>
      </c>
      <c r="Y9" s="52" t="s">
        <v>229</v>
      </c>
      <c r="Z9" s="20"/>
      <c r="AA9" s="20"/>
      <c r="AB9" s="20"/>
    </row>
    <row r="10" spans="1:28" customFormat="1" ht="29.1" customHeight="1">
      <c r="A10" s="63" t="s">
        <v>1</v>
      </c>
      <c r="B10" s="51" t="s">
        <v>1</v>
      </c>
      <c r="C10" s="109" t="s">
        <v>46</v>
      </c>
      <c r="D10" s="110"/>
      <c r="E10" s="140" t="s">
        <v>47</v>
      </c>
      <c r="F10" s="141"/>
      <c r="G10" s="155" t="s">
        <v>128</v>
      </c>
      <c r="H10" s="155"/>
      <c r="I10" s="155"/>
      <c r="J10" s="156" t="s">
        <v>230</v>
      </c>
      <c r="K10" s="156"/>
      <c r="L10" s="156"/>
      <c r="M10" s="57" t="s">
        <v>1</v>
      </c>
      <c r="N10" s="99" t="s">
        <v>230</v>
      </c>
      <c r="O10" s="99"/>
      <c r="P10" s="107"/>
      <c r="Q10" s="156" t="s">
        <v>29</v>
      </c>
      <c r="R10" s="156"/>
      <c r="S10" s="156"/>
      <c r="T10" s="58"/>
      <c r="U10" s="99" t="s">
        <v>29</v>
      </c>
      <c r="V10" s="99"/>
      <c r="W10" s="107"/>
      <c r="X10" s="31" t="s">
        <v>1</v>
      </c>
      <c r="Y10" s="52" t="s">
        <v>231</v>
      </c>
      <c r="Z10" s="20"/>
      <c r="AA10" s="20"/>
      <c r="AB10" s="20"/>
    </row>
    <row r="11" spans="1:28" customFormat="1" ht="29.1" hidden="1" customHeight="1">
      <c r="A11" s="63" t="s">
        <v>51</v>
      </c>
      <c r="B11" s="51" t="s">
        <v>1</v>
      </c>
      <c r="C11" s="109" t="s">
        <v>1</v>
      </c>
      <c r="D11" s="110"/>
      <c r="E11" s="140" t="s">
        <v>1</v>
      </c>
      <c r="F11" s="141"/>
      <c r="G11" s="155" t="s">
        <v>220</v>
      </c>
      <c r="H11" s="155"/>
      <c r="I11" s="155"/>
      <c r="J11" s="156" t="s">
        <v>221</v>
      </c>
      <c r="K11" s="156"/>
      <c r="L11" s="156"/>
      <c r="M11" s="57" t="s">
        <v>1</v>
      </c>
      <c r="N11" s="99" t="s">
        <v>221</v>
      </c>
      <c r="O11" s="99"/>
      <c r="P11" s="107"/>
      <c r="Q11" s="156" t="s">
        <v>29</v>
      </c>
      <c r="R11" s="156"/>
      <c r="S11" s="156"/>
      <c r="T11" s="58"/>
      <c r="U11" s="99" t="s">
        <v>29</v>
      </c>
      <c r="V11" s="99"/>
      <c r="W11" s="107"/>
      <c r="X11" s="31" t="s">
        <v>1</v>
      </c>
      <c r="Y11" s="52" t="s">
        <v>222</v>
      </c>
      <c r="Z11" s="20"/>
      <c r="AA11" s="20"/>
      <c r="AB11" s="20"/>
    </row>
    <row r="12" spans="1:28" customFormat="1" ht="29.1" hidden="1" customHeight="1">
      <c r="A12" s="63" t="s">
        <v>1</v>
      </c>
      <c r="B12" s="51" t="s">
        <v>1</v>
      </c>
      <c r="C12" s="109" t="s">
        <v>1</v>
      </c>
      <c r="D12" s="110"/>
      <c r="E12" s="140" t="s">
        <v>1</v>
      </c>
      <c r="F12" s="141"/>
      <c r="G12" s="155" t="s">
        <v>1</v>
      </c>
      <c r="H12" s="155"/>
      <c r="I12" s="155"/>
      <c r="J12" s="156" t="s">
        <v>1</v>
      </c>
      <c r="K12" s="156"/>
      <c r="L12" s="156"/>
      <c r="M12" s="57" t="s">
        <v>1</v>
      </c>
      <c r="N12" s="99" t="s">
        <v>1</v>
      </c>
      <c r="O12" s="99"/>
      <c r="P12" s="107"/>
      <c r="Q12" s="156" t="s">
        <v>1</v>
      </c>
      <c r="R12" s="156"/>
      <c r="S12" s="156"/>
      <c r="T12" s="58"/>
      <c r="U12" s="99" t="s">
        <v>1</v>
      </c>
      <c r="V12" s="99"/>
      <c r="W12" s="107"/>
      <c r="X12" s="31" t="s">
        <v>1</v>
      </c>
      <c r="Y12" s="52" t="s">
        <v>1</v>
      </c>
      <c r="Z12" s="20"/>
      <c r="AA12" s="20"/>
      <c r="AB12" s="20"/>
    </row>
    <row r="13" spans="1:28" customFormat="1" ht="29.1" hidden="1" customHeight="1">
      <c r="A13" s="63" t="s">
        <v>1</v>
      </c>
      <c r="B13" s="51" t="s">
        <v>1</v>
      </c>
      <c r="C13" s="109" t="s">
        <v>1</v>
      </c>
      <c r="D13" s="110"/>
      <c r="E13" s="140" t="s">
        <v>1</v>
      </c>
      <c r="F13" s="141"/>
      <c r="G13" s="155" t="s">
        <v>1</v>
      </c>
      <c r="H13" s="155"/>
      <c r="I13" s="155"/>
      <c r="J13" s="156" t="s">
        <v>1</v>
      </c>
      <c r="K13" s="156"/>
      <c r="L13" s="156"/>
      <c r="M13" s="57" t="s">
        <v>1</v>
      </c>
      <c r="N13" s="99" t="s">
        <v>1</v>
      </c>
      <c r="O13" s="99"/>
      <c r="P13" s="107"/>
      <c r="Q13" s="156" t="s">
        <v>1</v>
      </c>
      <c r="R13" s="156"/>
      <c r="S13" s="156"/>
      <c r="T13" s="58"/>
      <c r="U13" s="99" t="s">
        <v>1</v>
      </c>
      <c r="V13" s="99"/>
      <c r="W13" s="107"/>
      <c r="X13" s="31" t="s">
        <v>1</v>
      </c>
      <c r="Y13" s="52" t="s">
        <v>1</v>
      </c>
      <c r="Z13" s="20"/>
      <c r="AA13" s="20"/>
      <c r="AB13" s="20"/>
    </row>
    <row r="14" spans="1:28" customFormat="1" ht="29.1" hidden="1" customHeight="1">
      <c r="A14" s="63" t="s">
        <v>1</v>
      </c>
      <c r="B14" s="51" t="s">
        <v>1</v>
      </c>
      <c r="C14" s="109" t="s">
        <v>1</v>
      </c>
      <c r="D14" s="110"/>
      <c r="E14" s="140" t="s">
        <v>1</v>
      </c>
      <c r="F14" s="141"/>
      <c r="G14" s="155" t="s">
        <v>1</v>
      </c>
      <c r="H14" s="155"/>
      <c r="I14" s="155"/>
      <c r="J14" s="156" t="s">
        <v>1</v>
      </c>
      <c r="K14" s="156"/>
      <c r="L14" s="156"/>
      <c r="M14" s="57" t="s">
        <v>1</v>
      </c>
      <c r="N14" s="99" t="s">
        <v>1</v>
      </c>
      <c r="O14" s="99"/>
      <c r="P14" s="107"/>
      <c r="Q14" s="156" t="s">
        <v>1</v>
      </c>
      <c r="R14" s="156"/>
      <c r="S14" s="156"/>
      <c r="T14" s="58"/>
      <c r="U14" s="99" t="s">
        <v>1</v>
      </c>
      <c r="V14" s="99"/>
      <c r="W14" s="107"/>
      <c r="X14" s="31" t="s">
        <v>1</v>
      </c>
      <c r="Y14" s="52" t="s">
        <v>1</v>
      </c>
      <c r="Z14" s="20"/>
      <c r="AA14" s="20"/>
      <c r="AB14" s="20"/>
    </row>
    <row r="15" spans="1:28" customFormat="1" ht="29.1" hidden="1" customHeight="1">
      <c r="A15" s="63" t="s">
        <v>1</v>
      </c>
      <c r="B15" s="51" t="s">
        <v>1</v>
      </c>
      <c r="C15" s="109" t="s">
        <v>1</v>
      </c>
      <c r="D15" s="110"/>
      <c r="E15" s="140" t="s">
        <v>1</v>
      </c>
      <c r="F15" s="141"/>
      <c r="G15" s="155" t="s">
        <v>1</v>
      </c>
      <c r="H15" s="155"/>
      <c r="I15" s="155"/>
      <c r="J15" s="156" t="s">
        <v>1</v>
      </c>
      <c r="K15" s="156"/>
      <c r="L15" s="156"/>
      <c r="M15" s="57" t="s">
        <v>1</v>
      </c>
      <c r="N15" s="99" t="s">
        <v>1</v>
      </c>
      <c r="O15" s="99"/>
      <c r="P15" s="107"/>
      <c r="Q15" s="156" t="s">
        <v>1</v>
      </c>
      <c r="R15" s="156"/>
      <c r="S15" s="156"/>
      <c r="T15" s="58"/>
      <c r="U15" s="99" t="s">
        <v>1</v>
      </c>
      <c r="V15" s="99"/>
      <c r="W15" s="107"/>
      <c r="X15" s="31" t="s">
        <v>1</v>
      </c>
      <c r="Y15" s="52" t="s">
        <v>1</v>
      </c>
      <c r="Z15" s="20"/>
      <c r="AA15" s="20"/>
      <c r="AB15" s="20"/>
    </row>
    <row r="16" spans="1:28" customFormat="1" ht="29.1" hidden="1" customHeight="1">
      <c r="A16" s="63" t="s">
        <v>1</v>
      </c>
      <c r="B16" s="51" t="s">
        <v>1</v>
      </c>
      <c r="C16" s="109" t="s">
        <v>1</v>
      </c>
      <c r="D16" s="110"/>
      <c r="E16" s="140" t="s">
        <v>1</v>
      </c>
      <c r="F16" s="141"/>
      <c r="G16" s="155" t="s">
        <v>1</v>
      </c>
      <c r="H16" s="155"/>
      <c r="I16" s="155"/>
      <c r="J16" s="156" t="s">
        <v>1</v>
      </c>
      <c r="K16" s="156"/>
      <c r="L16" s="156"/>
      <c r="M16" s="57" t="s">
        <v>1</v>
      </c>
      <c r="N16" s="99" t="s">
        <v>1</v>
      </c>
      <c r="O16" s="99"/>
      <c r="P16" s="107"/>
      <c r="Q16" s="156" t="s">
        <v>1</v>
      </c>
      <c r="R16" s="156"/>
      <c r="S16" s="156"/>
      <c r="T16" s="58"/>
      <c r="U16" s="99" t="s">
        <v>1</v>
      </c>
      <c r="V16" s="99"/>
      <c r="W16" s="107"/>
      <c r="X16" s="31" t="s">
        <v>1</v>
      </c>
      <c r="Y16" s="52" t="s">
        <v>1</v>
      </c>
      <c r="Z16" s="20"/>
      <c r="AA16" s="20"/>
      <c r="AB16" s="20"/>
    </row>
    <row r="17" spans="1:28" customFormat="1" ht="29.1" hidden="1" customHeight="1">
      <c r="A17" s="63" t="s">
        <v>1</v>
      </c>
      <c r="B17" s="51" t="s">
        <v>1</v>
      </c>
      <c r="C17" s="109" t="s">
        <v>1</v>
      </c>
      <c r="D17" s="110"/>
      <c r="E17" s="140" t="s">
        <v>1</v>
      </c>
      <c r="F17" s="141"/>
      <c r="G17" s="155" t="s">
        <v>1</v>
      </c>
      <c r="H17" s="155"/>
      <c r="I17" s="155"/>
      <c r="J17" s="156" t="s">
        <v>1</v>
      </c>
      <c r="K17" s="156"/>
      <c r="L17" s="156"/>
      <c r="M17" s="57" t="s">
        <v>1</v>
      </c>
      <c r="N17" s="99" t="s">
        <v>1</v>
      </c>
      <c r="O17" s="99"/>
      <c r="P17" s="107"/>
      <c r="Q17" s="156" t="s">
        <v>1</v>
      </c>
      <c r="R17" s="156"/>
      <c r="S17" s="156"/>
      <c r="T17" s="58"/>
      <c r="U17" s="99" t="s">
        <v>1</v>
      </c>
      <c r="V17" s="99"/>
      <c r="W17" s="107"/>
      <c r="X17" s="31" t="s">
        <v>1</v>
      </c>
      <c r="Y17" s="52" t="s">
        <v>1</v>
      </c>
      <c r="Z17" s="20"/>
      <c r="AA17" s="20"/>
      <c r="AB17" s="20"/>
    </row>
    <row r="18" spans="1:28" customFormat="1" ht="29.1" hidden="1" customHeight="1">
      <c r="A18" s="63" t="s">
        <v>1</v>
      </c>
      <c r="B18" s="51" t="s">
        <v>1</v>
      </c>
      <c r="C18" s="109" t="s">
        <v>1</v>
      </c>
      <c r="D18" s="110"/>
      <c r="E18" s="140" t="s">
        <v>1</v>
      </c>
      <c r="F18" s="141"/>
      <c r="G18" s="155" t="s">
        <v>1</v>
      </c>
      <c r="H18" s="155"/>
      <c r="I18" s="155"/>
      <c r="J18" s="156" t="s">
        <v>1</v>
      </c>
      <c r="K18" s="156"/>
      <c r="L18" s="156"/>
      <c r="M18" s="57" t="s">
        <v>1</v>
      </c>
      <c r="N18" s="99" t="s">
        <v>1</v>
      </c>
      <c r="O18" s="99"/>
      <c r="P18" s="107"/>
      <c r="Q18" s="156" t="s">
        <v>1</v>
      </c>
      <c r="R18" s="156"/>
      <c r="S18" s="156"/>
      <c r="T18" s="58"/>
      <c r="U18" s="99" t="s">
        <v>1</v>
      </c>
      <c r="V18" s="99"/>
      <c r="W18" s="107"/>
      <c r="X18" s="31" t="s">
        <v>1</v>
      </c>
      <c r="Y18" s="52" t="s">
        <v>1</v>
      </c>
      <c r="Z18" s="20"/>
      <c r="AA18" s="20"/>
      <c r="AB18" s="20"/>
    </row>
    <row r="19" spans="1:28" customFormat="1" ht="29.1" hidden="1" customHeight="1">
      <c r="A19" s="63" t="s">
        <v>1</v>
      </c>
      <c r="B19" s="51" t="s">
        <v>1</v>
      </c>
      <c r="C19" s="109" t="s">
        <v>1</v>
      </c>
      <c r="D19" s="110"/>
      <c r="E19" s="140" t="s">
        <v>1</v>
      </c>
      <c r="F19" s="141"/>
      <c r="G19" s="155" t="s">
        <v>1</v>
      </c>
      <c r="H19" s="155"/>
      <c r="I19" s="155"/>
      <c r="J19" s="156" t="s">
        <v>1</v>
      </c>
      <c r="K19" s="156"/>
      <c r="L19" s="156"/>
      <c r="M19" s="57" t="s">
        <v>1</v>
      </c>
      <c r="N19" s="99" t="s">
        <v>1</v>
      </c>
      <c r="O19" s="99"/>
      <c r="P19" s="107"/>
      <c r="Q19" s="156" t="s">
        <v>1</v>
      </c>
      <c r="R19" s="156"/>
      <c r="S19" s="156"/>
      <c r="T19" s="58"/>
      <c r="U19" s="99" t="s">
        <v>1</v>
      </c>
      <c r="V19" s="99"/>
      <c r="W19" s="107"/>
      <c r="X19" s="31" t="s">
        <v>1</v>
      </c>
      <c r="Y19" s="52" t="s">
        <v>1</v>
      </c>
      <c r="Z19" s="20"/>
      <c r="AA19" s="20"/>
      <c r="AB19" s="20"/>
    </row>
    <row r="20" spans="1:28" customFormat="1" ht="29.1" hidden="1" customHeight="1">
      <c r="A20" s="63" t="s">
        <v>1</v>
      </c>
      <c r="B20" s="51" t="s">
        <v>1</v>
      </c>
      <c r="C20" s="109" t="s">
        <v>1</v>
      </c>
      <c r="D20" s="110"/>
      <c r="E20" s="140" t="s">
        <v>1</v>
      </c>
      <c r="F20" s="141"/>
      <c r="G20" s="155" t="s">
        <v>1</v>
      </c>
      <c r="H20" s="155"/>
      <c r="I20" s="155"/>
      <c r="J20" s="156" t="s">
        <v>1</v>
      </c>
      <c r="K20" s="156"/>
      <c r="L20" s="156"/>
      <c r="M20" s="57" t="s">
        <v>1</v>
      </c>
      <c r="N20" s="99" t="s">
        <v>1</v>
      </c>
      <c r="O20" s="99"/>
      <c r="P20" s="107"/>
      <c r="Q20" s="156" t="s">
        <v>1</v>
      </c>
      <c r="R20" s="156"/>
      <c r="S20" s="156"/>
      <c r="T20" s="58"/>
      <c r="U20" s="99" t="s">
        <v>1</v>
      </c>
      <c r="V20" s="99"/>
      <c r="W20" s="107"/>
      <c r="X20" s="31" t="s">
        <v>1</v>
      </c>
      <c r="Y20" s="52" t="s">
        <v>1</v>
      </c>
      <c r="Z20" s="20"/>
      <c r="AA20" s="20"/>
      <c r="AB20" s="20"/>
    </row>
    <row r="21" spans="1:28" customFormat="1" ht="29.1" hidden="1" customHeight="1">
      <c r="A21" s="63" t="s">
        <v>1</v>
      </c>
      <c r="B21" s="51" t="s">
        <v>1</v>
      </c>
      <c r="C21" s="109" t="s">
        <v>1</v>
      </c>
      <c r="D21" s="110"/>
      <c r="E21" s="140" t="s">
        <v>1</v>
      </c>
      <c r="F21" s="141"/>
      <c r="G21" s="155" t="s">
        <v>1</v>
      </c>
      <c r="H21" s="155"/>
      <c r="I21" s="155"/>
      <c r="J21" s="156" t="s">
        <v>1</v>
      </c>
      <c r="K21" s="156"/>
      <c r="L21" s="156"/>
      <c r="M21" s="57" t="s">
        <v>1</v>
      </c>
      <c r="N21" s="99" t="s">
        <v>1</v>
      </c>
      <c r="O21" s="99"/>
      <c r="P21" s="107"/>
      <c r="Q21" s="156" t="s">
        <v>1</v>
      </c>
      <c r="R21" s="156"/>
      <c r="S21" s="156"/>
      <c r="T21" s="58"/>
      <c r="U21" s="99" t="s">
        <v>1</v>
      </c>
      <c r="V21" s="99"/>
      <c r="W21" s="107"/>
      <c r="X21" s="31" t="s">
        <v>1</v>
      </c>
      <c r="Y21" s="52" t="s">
        <v>1</v>
      </c>
      <c r="Z21" s="20"/>
      <c r="AA21" s="20"/>
      <c r="AB21" s="20"/>
    </row>
    <row r="22" spans="1:28" customFormat="1" ht="29.1" hidden="1" customHeight="1">
      <c r="A22" s="63" t="s">
        <v>1</v>
      </c>
      <c r="B22" s="51" t="s">
        <v>1</v>
      </c>
      <c r="C22" s="136" t="s">
        <v>1</v>
      </c>
      <c r="D22" s="137"/>
      <c r="E22" s="165" t="s">
        <v>1</v>
      </c>
      <c r="F22" s="166"/>
      <c r="G22" s="167" t="s">
        <v>1</v>
      </c>
      <c r="H22" s="167"/>
      <c r="I22" s="167"/>
      <c r="J22" s="168" t="s">
        <v>1</v>
      </c>
      <c r="K22" s="168"/>
      <c r="L22" s="168"/>
      <c r="M22" s="68" t="s">
        <v>1</v>
      </c>
      <c r="N22" s="133" t="s">
        <v>1</v>
      </c>
      <c r="O22" s="133"/>
      <c r="P22" s="134"/>
      <c r="Q22" s="168" t="s">
        <v>1</v>
      </c>
      <c r="R22" s="168"/>
      <c r="S22" s="168"/>
      <c r="T22" s="69"/>
      <c r="U22" s="133" t="s">
        <v>1</v>
      </c>
      <c r="V22" s="133"/>
      <c r="W22" s="134"/>
      <c r="X22" s="46" t="s">
        <v>1</v>
      </c>
      <c r="Y22" s="50" t="s">
        <v>1</v>
      </c>
      <c r="Z22" s="20"/>
      <c r="AA22" s="20"/>
      <c r="AB22" s="20"/>
    </row>
    <row r="23" spans="1:28" customFormat="1" ht="29.1" customHeight="1">
      <c r="A23" s="158" t="s">
        <v>9</v>
      </c>
      <c r="B23" s="159"/>
      <c r="C23" s="159"/>
      <c r="D23" s="159"/>
      <c r="E23" s="159"/>
      <c r="F23" s="159"/>
      <c r="G23" s="160" t="s">
        <v>220</v>
      </c>
      <c r="H23" s="160"/>
      <c r="I23" s="160"/>
      <c r="J23" s="157" t="s">
        <v>221</v>
      </c>
      <c r="K23" s="157"/>
      <c r="L23" s="157"/>
      <c r="M23" s="59" t="s">
        <v>1</v>
      </c>
      <c r="N23" s="119" t="s">
        <v>221</v>
      </c>
      <c r="O23" s="119"/>
      <c r="P23" s="120"/>
      <c r="Q23" s="157" t="s">
        <v>29</v>
      </c>
      <c r="R23" s="157"/>
      <c r="S23" s="157"/>
      <c r="T23" s="60"/>
      <c r="U23" s="119" t="s">
        <v>29</v>
      </c>
      <c r="V23" s="119"/>
      <c r="W23" s="120"/>
      <c r="X23" s="61" t="s">
        <v>1</v>
      </c>
      <c r="Y23" s="67" t="s">
        <v>222</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51" t="s">
        <v>2</v>
      </c>
      <c r="B26" s="152"/>
      <c r="C26" s="152"/>
      <c r="D26" s="152" t="s">
        <v>3</v>
      </c>
      <c r="E26" s="152"/>
      <c r="F26" s="152"/>
      <c r="G26" s="152"/>
      <c r="H26" s="142" t="s">
        <v>18</v>
      </c>
      <c r="I26" s="142"/>
      <c r="J26" s="142"/>
      <c r="K26" s="142" t="s">
        <v>19</v>
      </c>
      <c r="L26" s="142"/>
      <c r="M26" s="142"/>
      <c r="N26" s="142"/>
      <c r="O26" s="142" t="s">
        <v>20</v>
      </c>
      <c r="P26" s="142"/>
      <c r="Q26" s="142"/>
      <c r="R26" s="144" t="s">
        <v>21</v>
      </c>
      <c r="S26" s="144"/>
      <c r="T26" s="144"/>
      <c r="U26" s="144"/>
      <c r="V26" s="146" t="s">
        <v>22</v>
      </c>
      <c r="W26" s="147"/>
      <c r="X26" s="147"/>
      <c r="Y26" s="148"/>
    </row>
    <row r="27" spans="1:28" ht="19.5" customHeight="1">
      <c r="A27" s="153"/>
      <c r="B27" s="154"/>
      <c r="C27" s="154"/>
      <c r="D27" s="154"/>
      <c r="E27" s="154"/>
      <c r="F27" s="154"/>
      <c r="G27" s="154"/>
      <c r="H27" s="143"/>
      <c r="I27" s="143"/>
      <c r="J27" s="143"/>
      <c r="K27" s="143"/>
      <c r="L27" s="143"/>
      <c r="M27" s="143"/>
      <c r="N27" s="143"/>
      <c r="O27" s="143"/>
      <c r="P27" s="143"/>
      <c r="Q27" s="143"/>
      <c r="R27" s="145"/>
      <c r="S27" s="145"/>
      <c r="T27" s="145"/>
      <c r="U27" s="145"/>
      <c r="V27" s="149"/>
      <c r="W27" s="149"/>
      <c r="X27" s="149"/>
      <c r="Y27" s="150"/>
    </row>
    <row r="28" spans="1:28" ht="10.5" customHeight="1">
      <c r="A28" s="34"/>
      <c r="B28" s="190"/>
      <c r="C28" s="191"/>
      <c r="D28" s="192"/>
      <c r="E28" s="190"/>
      <c r="F28" s="193" t="s">
        <v>17</v>
      </c>
      <c r="G28" s="194"/>
      <c r="H28" s="35"/>
      <c r="I28" s="130" t="s">
        <v>17</v>
      </c>
      <c r="J28" s="131"/>
      <c r="K28" s="35"/>
      <c r="L28" s="130" t="s">
        <v>17</v>
      </c>
      <c r="M28" s="130"/>
      <c r="N28" s="131"/>
      <c r="O28" s="35"/>
      <c r="P28" s="130" t="s">
        <v>17</v>
      </c>
      <c r="Q28" s="131"/>
      <c r="R28" s="35"/>
      <c r="S28" s="130" t="s">
        <v>17</v>
      </c>
      <c r="T28" s="130"/>
      <c r="U28" s="131"/>
      <c r="V28" s="35"/>
      <c r="W28" s="130" t="s">
        <v>17</v>
      </c>
      <c r="X28" s="130"/>
      <c r="Y28" s="132"/>
      <c r="Z28" s="4"/>
    </row>
    <row r="29" spans="1:28" customFormat="1" ht="28.5" customHeight="1">
      <c r="A29" s="64" t="s">
        <v>25</v>
      </c>
      <c r="B29" s="101" t="s">
        <v>232</v>
      </c>
      <c r="C29" s="102"/>
      <c r="D29" s="103" t="s">
        <v>1</v>
      </c>
      <c r="E29" s="104"/>
      <c r="F29" s="105" t="s">
        <v>1</v>
      </c>
      <c r="G29" s="106"/>
      <c r="H29" s="65" t="s">
        <v>1</v>
      </c>
      <c r="I29" s="125" t="s">
        <v>220</v>
      </c>
      <c r="J29" s="129"/>
      <c r="K29" s="55" t="s">
        <v>1</v>
      </c>
      <c r="L29" s="125" t="s">
        <v>233</v>
      </c>
      <c r="M29" s="125"/>
      <c r="N29" s="129"/>
      <c r="O29" s="55" t="s">
        <v>1</v>
      </c>
      <c r="P29" s="125" t="s">
        <v>29</v>
      </c>
      <c r="Q29" s="129"/>
      <c r="R29" s="55" t="s">
        <v>1</v>
      </c>
      <c r="S29" s="125" t="s">
        <v>234</v>
      </c>
      <c r="T29" s="125"/>
      <c r="U29" s="129"/>
      <c r="V29" s="55" t="s">
        <v>1</v>
      </c>
      <c r="W29" s="125" t="s">
        <v>234</v>
      </c>
      <c r="X29" s="125"/>
      <c r="Y29" s="126"/>
      <c r="Z29" s="4"/>
    </row>
    <row r="30" spans="1:28" customFormat="1" ht="28.5" customHeight="1">
      <c r="A30" s="64" t="s">
        <v>1</v>
      </c>
      <c r="B30" s="101" t="s">
        <v>1</v>
      </c>
      <c r="C30" s="102"/>
      <c r="D30" s="109" t="s">
        <v>25</v>
      </c>
      <c r="E30" s="110"/>
      <c r="F30" s="111" t="s">
        <v>156</v>
      </c>
      <c r="G30" s="112"/>
      <c r="H30" s="36" t="s">
        <v>1</v>
      </c>
      <c r="I30" s="99" t="s">
        <v>235</v>
      </c>
      <c r="J30" s="107"/>
      <c r="K30" s="31" t="s">
        <v>1</v>
      </c>
      <c r="L30" s="99" t="s">
        <v>236</v>
      </c>
      <c r="M30" s="99"/>
      <c r="N30" s="107"/>
      <c r="O30" s="31" t="s">
        <v>1</v>
      </c>
      <c r="P30" s="99" t="s">
        <v>29</v>
      </c>
      <c r="Q30" s="107"/>
      <c r="R30" s="31" t="s">
        <v>1</v>
      </c>
      <c r="S30" s="99" t="s">
        <v>237</v>
      </c>
      <c r="T30" s="99"/>
      <c r="U30" s="107"/>
      <c r="V30" s="31" t="s">
        <v>1</v>
      </c>
      <c r="W30" s="99" t="s">
        <v>237</v>
      </c>
      <c r="X30" s="99"/>
      <c r="Y30" s="100"/>
      <c r="Z30" s="4"/>
    </row>
    <row r="31" spans="1:28" customFormat="1" ht="28.5" customHeight="1">
      <c r="A31" s="64" t="s">
        <v>1</v>
      </c>
      <c r="B31" s="101" t="s">
        <v>1</v>
      </c>
      <c r="C31" s="102"/>
      <c r="D31" s="109" t="s">
        <v>35</v>
      </c>
      <c r="E31" s="110"/>
      <c r="F31" s="111" t="s">
        <v>158</v>
      </c>
      <c r="G31" s="112"/>
      <c r="H31" s="36" t="s">
        <v>1</v>
      </c>
      <c r="I31" s="99" t="s">
        <v>224</v>
      </c>
      <c r="J31" s="107"/>
      <c r="K31" s="31" t="s">
        <v>1</v>
      </c>
      <c r="L31" s="99" t="s">
        <v>225</v>
      </c>
      <c r="M31" s="99"/>
      <c r="N31" s="107"/>
      <c r="O31" s="31" t="s">
        <v>1</v>
      </c>
      <c r="P31" s="99" t="s">
        <v>29</v>
      </c>
      <c r="Q31" s="107"/>
      <c r="R31" s="31" t="s">
        <v>1</v>
      </c>
      <c r="S31" s="99" t="s">
        <v>226</v>
      </c>
      <c r="T31" s="99"/>
      <c r="U31" s="107"/>
      <c r="V31" s="31" t="s">
        <v>1</v>
      </c>
      <c r="W31" s="99" t="s">
        <v>226</v>
      </c>
      <c r="X31" s="99"/>
      <c r="Y31" s="100"/>
      <c r="Z31" s="4"/>
    </row>
    <row r="32" spans="1:28" customFormat="1" ht="28.5" customHeight="1">
      <c r="A32" s="64" t="s">
        <v>1</v>
      </c>
      <c r="B32" s="101" t="s">
        <v>1</v>
      </c>
      <c r="C32" s="102"/>
      <c r="D32" s="109" t="s">
        <v>41</v>
      </c>
      <c r="E32" s="110"/>
      <c r="F32" s="111" t="s">
        <v>162</v>
      </c>
      <c r="G32" s="112"/>
      <c r="H32" s="36" t="s">
        <v>1</v>
      </c>
      <c r="I32" s="99" t="s">
        <v>238</v>
      </c>
      <c r="J32" s="107"/>
      <c r="K32" s="31" t="s">
        <v>1</v>
      </c>
      <c r="L32" s="99" t="s">
        <v>29</v>
      </c>
      <c r="M32" s="99"/>
      <c r="N32" s="107"/>
      <c r="O32" s="31" t="s">
        <v>1</v>
      </c>
      <c r="P32" s="99" t="s">
        <v>29</v>
      </c>
      <c r="Q32" s="107"/>
      <c r="R32" s="31" t="s">
        <v>1</v>
      </c>
      <c r="S32" s="99" t="s">
        <v>238</v>
      </c>
      <c r="T32" s="99"/>
      <c r="U32" s="107"/>
      <c r="V32" s="31" t="s">
        <v>1</v>
      </c>
      <c r="W32" s="99" t="s">
        <v>238</v>
      </c>
      <c r="X32" s="99"/>
      <c r="Y32" s="100"/>
      <c r="Z32" s="4"/>
    </row>
    <row r="33" spans="1:26" customFormat="1" ht="28.5" hidden="1" customHeight="1">
      <c r="A33" s="64" t="s">
        <v>87</v>
      </c>
      <c r="B33" s="101" t="s">
        <v>1</v>
      </c>
      <c r="C33" s="102"/>
      <c r="D33" s="109" t="s">
        <v>1</v>
      </c>
      <c r="E33" s="110"/>
      <c r="F33" s="111" t="s">
        <v>1</v>
      </c>
      <c r="G33" s="112"/>
      <c r="H33" s="36" t="s">
        <v>1</v>
      </c>
      <c r="I33" s="99" t="s">
        <v>220</v>
      </c>
      <c r="J33" s="107"/>
      <c r="K33" s="31" t="s">
        <v>1</v>
      </c>
      <c r="L33" s="99" t="s">
        <v>233</v>
      </c>
      <c r="M33" s="99"/>
      <c r="N33" s="107"/>
      <c r="O33" s="31" t="s">
        <v>1</v>
      </c>
      <c r="P33" s="99" t="s">
        <v>29</v>
      </c>
      <c r="Q33" s="107"/>
      <c r="R33" s="31" t="s">
        <v>1</v>
      </c>
      <c r="S33" s="99" t="s">
        <v>234</v>
      </c>
      <c r="T33" s="99"/>
      <c r="U33" s="107"/>
      <c r="V33" s="31" t="s">
        <v>1</v>
      </c>
      <c r="W33" s="99" t="s">
        <v>234</v>
      </c>
      <c r="X33" s="99"/>
      <c r="Y33" s="100"/>
      <c r="Z33" s="4"/>
    </row>
    <row r="34" spans="1:26" customFormat="1" ht="28.5" hidden="1" customHeight="1">
      <c r="A34" s="64" t="s">
        <v>1</v>
      </c>
      <c r="B34" s="101" t="s">
        <v>1</v>
      </c>
      <c r="C34" s="102"/>
      <c r="D34" s="136" t="s">
        <v>1</v>
      </c>
      <c r="E34" s="137"/>
      <c r="F34" s="138" t="s">
        <v>1</v>
      </c>
      <c r="G34" s="139"/>
      <c r="H34" s="45" t="s">
        <v>1</v>
      </c>
      <c r="I34" s="133" t="s">
        <v>1</v>
      </c>
      <c r="J34" s="134"/>
      <c r="K34" s="46" t="s">
        <v>1</v>
      </c>
      <c r="L34" s="133" t="s">
        <v>1</v>
      </c>
      <c r="M34" s="133"/>
      <c r="N34" s="134"/>
      <c r="O34" s="46" t="s">
        <v>1</v>
      </c>
      <c r="P34" s="133" t="s">
        <v>1</v>
      </c>
      <c r="Q34" s="134"/>
      <c r="R34" s="46" t="s">
        <v>1</v>
      </c>
      <c r="S34" s="133" t="s">
        <v>1</v>
      </c>
      <c r="T34" s="133"/>
      <c r="U34" s="134"/>
      <c r="V34" s="46" t="s">
        <v>1</v>
      </c>
      <c r="W34" s="133" t="s">
        <v>1</v>
      </c>
      <c r="X34" s="133"/>
      <c r="Y34" s="135"/>
      <c r="Z34" s="4"/>
    </row>
    <row r="35" spans="1:26" customFormat="1" ht="28.5" customHeight="1">
      <c r="A35" s="158" t="s">
        <v>4</v>
      </c>
      <c r="B35" s="159"/>
      <c r="C35" s="159"/>
      <c r="D35" s="159"/>
      <c r="E35" s="159"/>
      <c r="F35" s="159"/>
      <c r="G35" s="159"/>
      <c r="H35" s="80" t="s">
        <v>1</v>
      </c>
      <c r="I35" s="119" t="s">
        <v>220</v>
      </c>
      <c r="J35" s="120"/>
      <c r="K35" s="61" t="s">
        <v>1</v>
      </c>
      <c r="L35" s="119" t="s">
        <v>233</v>
      </c>
      <c r="M35" s="119"/>
      <c r="N35" s="120"/>
      <c r="O35" s="61" t="s">
        <v>1</v>
      </c>
      <c r="P35" s="119" t="s">
        <v>29</v>
      </c>
      <c r="Q35" s="120"/>
      <c r="R35" s="61" t="s">
        <v>1</v>
      </c>
      <c r="S35" s="119" t="s">
        <v>234</v>
      </c>
      <c r="T35" s="119"/>
      <c r="U35" s="120"/>
      <c r="V35" s="61" t="s">
        <v>1</v>
      </c>
      <c r="W35" s="119" t="s">
        <v>234</v>
      </c>
      <c r="X35" s="119"/>
      <c r="Y35" s="176"/>
      <c r="Z35" s="4"/>
    </row>
    <row r="36" spans="1:26" customFormat="1" ht="28.5" hidden="1" customHeight="1">
      <c r="A36" s="64" t="s">
        <v>1</v>
      </c>
      <c r="B36" s="101" t="s">
        <v>1</v>
      </c>
      <c r="C36" s="102"/>
      <c r="D36" s="109" t="s">
        <v>1</v>
      </c>
      <c r="E36" s="110"/>
      <c r="F36" s="111" t="s">
        <v>88</v>
      </c>
      <c r="G36" s="112"/>
      <c r="H36" s="36" t="s">
        <v>1</v>
      </c>
      <c r="I36" s="99" t="s">
        <v>1</v>
      </c>
      <c r="J36" s="107"/>
      <c r="K36" s="31" t="s">
        <v>1</v>
      </c>
      <c r="L36" s="99" t="s">
        <v>70</v>
      </c>
      <c r="M36" s="99"/>
      <c r="N36" s="107"/>
      <c r="O36" s="31" t="s">
        <v>1</v>
      </c>
      <c r="P36" s="99" t="s">
        <v>1</v>
      </c>
      <c r="Q36" s="107"/>
      <c r="R36" s="31" t="s">
        <v>1</v>
      </c>
      <c r="S36" s="99" t="s">
        <v>1</v>
      </c>
      <c r="T36" s="99"/>
      <c r="U36" s="107"/>
      <c r="V36" s="31" t="s">
        <v>1</v>
      </c>
      <c r="W36" s="99" t="s">
        <v>1</v>
      </c>
      <c r="X36" s="99"/>
      <c r="Y36" s="100"/>
      <c r="Z36" s="4"/>
    </row>
    <row r="37" spans="1:26" customFormat="1" ht="28.5" hidden="1" customHeight="1">
      <c r="A37" s="64" t="s">
        <v>1</v>
      </c>
      <c r="B37" s="101" t="s">
        <v>1</v>
      </c>
      <c r="C37" s="102"/>
      <c r="D37" s="109" t="s">
        <v>1</v>
      </c>
      <c r="E37" s="110"/>
      <c r="F37" s="111" t="s">
        <v>1</v>
      </c>
      <c r="G37" s="112"/>
      <c r="H37" s="36" t="s">
        <v>1</v>
      </c>
      <c r="I37" s="99" t="s">
        <v>1</v>
      </c>
      <c r="J37" s="107"/>
      <c r="K37" s="31" t="s">
        <v>1</v>
      </c>
      <c r="L37" s="99" t="s">
        <v>1</v>
      </c>
      <c r="M37" s="99"/>
      <c r="N37" s="107"/>
      <c r="O37" s="31" t="s">
        <v>1</v>
      </c>
      <c r="P37" s="99" t="s">
        <v>1</v>
      </c>
      <c r="Q37" s="107"/>
      <c r="R37" s="31" t="s">
        <v>1</v>
      </c>
      <c r="S37" s="99" t="s">
        <v>1</v>
      </c>
      <c r="T37" s="99"/>
      <c r="U37" s="107"/>
      <c r="V37" s="31" t="s">
        <v>1</v>
      </c>
      <c r="W37" s="99" t="s">
        <v>1</v>
      </c>
      <c r="X37" s="99"/>
      <c r="Y37" s="100"/>
      <c r="Z37" s="4"/>
    </row>
    <row r="38" spans="1:26" customFormat="1" ht="28.5" hidden="1" customHeight="1">
      <c r="A38" s="64" t="s">
        <v>1</v>
      </c>
      <c r="B38" s="101" t="s">
        <v>1</v>
      </c>
      <c r="C38" s="102"/>
      <c r="D38" s="109" t="s">
        <v>1</v>
      </c>
      <c r="E38" s="110"/>
      <c r="F38" s="111" t="s">
        <v>89</v>
      </c>
      <c r="G38" s="112"/>
      <c r="H38" s="36" t="s">
        <v>1</v>
      </c>
      <c r="I38" s="99" t="s">
        <v>1</v>
      </c>
      <c r="J38" s="107"/>
      <c r="K38" s="31" t="s">
        <v>1</v>
      </c>
      <c r="L38" s="99" t="s">
        <v>1</v>
      </c>
      <c r="M38" s="99"/>
      <c r="N38" s="107"/>
      <c r="O38" s="31" t="s">
        <v>1</v>
      </c>
      <c r="P38" s="99" t="s">
        <v>1</v>
      </c>
      <c r="Q38" s="107"/>
      <c r="R38" s="31" t="s">
        <v>1</v>
      </c>
      <c r="S38" s="99" t="s">
        <v>1</v>
      </c>
      <c r="T38" s="99"/>
      <c r="U38" s="107"/>
      <c r="V38" s="31" t="s">
        <v>1</v>
      </c>
      <c r="W38" s="99" t="s">
        <v>1</v>
      </c>
      <c r="X38" s="99"/>
      <c r="Y38" s="100"/>
      <c r="Z38" s="4"/>
    </row>
    <row r="39" spans="1:26" customFormat="1" ht="28.5" hidden="1" customHeight="1">
      <c r="A39" s="64" t="s">
        <v>1</v>
      </c>
      <c r="B39" s="101" t="s">
        <v>1</v>
      </c>
      <c r="C39" s="102"/>
      <c r="D39" s="109" t="s">
        <v>1</v>
      </c>
      <c r="E39" s="110"/>
      <c r="F39" s="111" t="s">
        <v>1</v>
      </c>
      <c r="G39" s="112"/>
      <c r="H39" s="36" t="s">
        <v>1</v>
      </c>
      <c r="I39" s="99" t="s">
        <v>1</v>
      </c>
      <c r="J39" s="107"/>
      <c r="K39" s="31" t="s">
        <v>1</v>
      </c>
      <c r="L39" s="99" t="s">
        <v>1</v>
      </c>
      <c r="M39" s="99"/>
      <c r="N39" s="107"/>
      <c r="O39" s="31" t="s">
        <v>1</v>
      </c>
      <c r="P39" s="99" t="s">
        <v>1</v>
      </c>
      <c r="Q39" s="107"/>
      <c r="R39" s="31" t="s">
        <v>1</v>
      </c>
      <c r="S39" s="99" t="s">
        <v>1</v>
      </c>
      <c r="T39" s="99"/>
      <c r="U39" s="107"/>
      <c r="V39" s="31" t="s">
        <v>1</v>
      </c>
      <c r="W39" s="99" t="s">
        <v>1</v>
      </c>
      <c r="X39" s="99"/>
      <c r="Y39" s="100"/>
      <c r="Z39" s="4"/>
    </row>
    <row r="40" spans="1:26" customFormat="1" ht="28.5" hidden="1" customHeight="1">
      <c r="A40" s="64" t="s">
        <v>1</v>
      </c>
      <c r="B40" s="101" t="s">
        <v>1</v>
      </c>
      <c r="C40" s="102"/>
      <c r="D40" s="109" t="s">
        <v>1</v>
      </c>
      <c r="E40" s="110"/>
      <c r="F40" s="111" t="s">
        <v>1</v>
      </c>
      <c r="G40" s="112"/>
      <c r="H40" s="36" t="s">
        <v>1</v>
      </c>
      <c r="I40" s="99" t="s">
        <v>1</v>
      </c>
      <c r="J40" s="107"/>
      <c r="K40" s="31" t="s">
        <v>1</v>
      </c>
      <c r="L40" s="99" t="s">
        <v>7</v>
      </c>
      <c r="M40" s="99"/>
      <c r="N40" s="107"/>
      <c r="O40" s="31" t="s">
        <v>1</v>
      </c>
      <c r="P40" s="99" t="s">
        <v>1</v>
      </c>
      <c r="Q40" s="107"/>
      <c r="R40" s="31" t="s">
        <v>1</v>
      </c>
      <c r="S40" s="99" t="s">
        <v>1</v>
      </c>
      <c r="T40" s="99"/>
      <c r="U40" s="107"/>
      <c r="V40" s="31" t="s">
        <v>1</v>
      </c>
      <c r="W40" s="99" t="s">
        <v>1</v>
      </c>
      <c r="X40" s="99"/>
      <c r="Y40" s="100"/>
      <c r="Z40" s="4"/>
    </row>
    <row r="41" spans="1:26" customFormat="1" ht="28.5" hidden="1" customHeight="1">
      <c r="A41" s="64" t="s">
        <v>1</v>
      </c>
      <c r="B41" s="101" t="s">
        <v>1</v>
      </c>
      <c r="C41" s="102"/>
      <c r="D41" s="109" t="s">
        <v>1</v>
      </c>
      <c r="E41" s="110"/>
      <c r="F41" s="111" t="s">
        <v>1</v>
      </c>
      <c r="G41" s="112"/>
      <c r="H41" s="36" t="s">
        <v>1</v>
      </c>
      <c r="I41" s="99" t="s">
        <v>1</v>
      </c>
      <c r="J41" s="107"/>
      <c r="K41" s="31" t="s">
        <v>1</v>
      </c>
      <c r="L41" s="99" t="s">
        <v>1</v>
      </c>
      <c r="M41" s="99"/>
      <c r="N41" s="107"/>
      <c r="O41" s="31" t="s">
        <v>1</v>
      </c>
      <c r="P41" s="99" t="s">
        <v>1</v>
      </c>
      <c r="Q41" s="107"/>
      <c r="R41" s="31" t="s">
        <v>1</v>
      </c>
      <c r="S41" s="99" t="s">
        <v>1</v>
      </c>
      <c r="T41" s="99"/>
      <c r="U41" s="107"/>
      <c r="V41" s="31" t="s">
        <v>1</v>
      </c>
      <c r="W41" s="99" t="s">
        <v>1</v>
      </c>
      <c r="X41" s="99"/>
      <c r="Y41" s="100"/>
      <c r="Z41" s="4"/>
    </row>
    <row r="42" spans="1:26" customFormat="1" ht="28.5" hidden="1" customHeight="1">
      <c r="A42" s="64" t="s">
        <v>1</v>
      </c>
      <c r="B42" s="101" t="s">
        <v>1</v>
      </c>
      <c r="C42" s="102"/>
      <c r="D42" s="109" t="s">
        <v>1</v>
      </c>
      <c r="E42" s="110"/>
      <c r="F42" s="111" t="s">
        <v>1</v>
      </c>
      <c r="G42" s="112"/>
      <c r="H42" s="36" t="s">
        <v>1</v>
      </c>
      <c r="I42" s="99" t="s">
        <v>1</v>
      </c>
      <c r="J42" s="107"/>
      <c r="K42" s="31" t="s">
        <v>1</v>
      </c>
      <c r="L42" s="99" t="s">
        <v>1</v>
      </c>
      <c r="M42" s="99"/>
      <c r="N42" s="107"/>
      <c r="O42" s="31" t="s">
        <v>1</v>
      </c>
      <c r="P42" s="99" t="s">
        <v>1</v>
      </c>
      <c r="Q42" s="107"/>
      <c r="R42" s="31" t="s">
        <v>1</v>
      </c>
      <c r="S42" s="99" t="s">
        <v>1</v>
      </c>
      <c r="T42" s="99"/>
      <c r="U42" s="107"/>
      <c r="V42" s="31" t="s">
        <v>1</v>
      </c>
      <c r="W42" s="99" t="s">
        <v>1</v>
      </c>
      <c r="X42" s="99"/>
      <c r="Y42" s="100"/>
      <c r="Z42" s="4"/>
    </row>
    <row r="43" spans="1:26" customFormat="1" ht="28.5" hidden="1" customHeight="1">
      <c r="A43" s="64" t="s">
        <v>1</v>
      </c>
      <c r="B43" s="101" t="s">
        <v>1</v>
      </c>
      <c r="C43" s="102"/>
      <c r="D43" s="109" t="s">
        <v>1</v>
      </c>
      <c r="E43" s="110"/>
      <c r="F43" s="111" t="s">
        <v>1</v>
      </c>
      <c r="G43" s="112"/>
      <c r="H43" s="36" t="s">
        <v>1</v>
      </c>
      <c r="I43" s="99" t="s">
        <v>1</v>
      </c>
      <c r="J43" s="107"/>
      <c r="K43" s="31" t="s">
        <v>1</v>
      </c>
      <c r="L43" s="99" t="s">
        <v>1</v>
      </c>
      <c r="M43" s="99"/>
      <c r="N43" s="107"/>
      <c r="O43" s="31" t="s">
        <v>1</v>
      </c>
      <c r="P43" s="99" t="s">
        <v>1</v>
      </c>
      <c r="Q43" s="107"/>
      <c r="R43" s="31" t="s">
        <v>1</v>
      </c>
      <c r="S43" s="99" t="s">
        <v>1</v>
      </c>
      <c r="T43" s="99"/>
      <c r="U43" s="107"/>
      <c r="V43" s="31" t="s">
        <v>1</v>
      </c>
      <c r="W43" s="99" t="s">
        <v>1</v>
      </c>
      <c r="X43" s="99"/>
      <c r="Y43" s="100"/>
      <c r="Z43" s="4"/>
    </row>
    <row r="44" spans="1:26" customFormat="1" ht="28.5" hidden="1" customHeight="1">
      <c r="A44" s="64" t="s">
        <v>1</v>
      </c>
      <c r="B44" s="101" t="s">
        <v>1</v>
      </c>
      <c r="C44" s="102"/>
      <c r="D44" s="136" t="s">
        <v>1</v>
      </c>
      <c r="E44" s="137"/>
      <c r="F44" s="138" t="s">
        <v>1</v>
      </c>
      <c r="G44" s="139"/>
      <c r="H44" s="45" t="s">
        <v>1</v>
      </c>
      <c r="I44" s="133" t="s">
        <v>1</v>
      </c>
      <c r="J44" s="134"/>
      <c r="K44" s="46" t="s">
        <v>1</v>
      </c>
      <c r="L44" s="133" t="s">
        <v>1</v>
      </c>
      <c r="M44" s="133"/>
      <c r="N44" s="134"/>
      <c r="O44" s="46" t="s">
        <v>1</v>
      </c>
      <c r="P44" s="133" t="s">
        <v>1</v>
      </c>
      <c r="Q44" s="134"/>
      <c r="R44" s="46" t="s">
        <v>1</v>
      </c>
      <c r="S44" s="133" t="s">
        <v>1</v>
      </c>
      <c r="T44" s="133"/>
      <c r="U44" s="134"/>
      <c r="V44" s="46" t="s">
        <v>1</v>
      </c>
      <c r="W44" s="133" t="s">
        <v>1</v>
      </c>
      <c r="X44" s="133"/>
      <c r="Y44" s="135"/>
      <c r="Z44" s="4"/>
    </row>
    <row r="45" spans="1:26" s="6" customFormat="1" ht="28.5" hidden="1" customHeight="1">
      <c r="A45" s="158" t="s">
        <v>4</v>
      </c>
      <c r="B45" s="159"/>
      <c r="C45" s="159"/>
      <c r="D45" s="159"/>
      <c r="E45" s="159"/>
      <c r="F45" s="159"/>
      <c r="G45" s="159"/>
      <c r="H45" s="66" t="s">
        <v>1</v>
      </c>
      <c r="I45" s="119" t="s">
        <v>220</v>
      </c>
      <c r="J45" s="120"/>
      <c r="K45" s="61" t="s">
        <v>1</v>
      </c>
      <c r="L45" s="119" t="s">
        <v>233</v>
      </c>
      <c r="M45" s="119"/>
      <c r="N45" s="120"/>
      <c r="O45" s="61" t="s">
        <v>1</v>
      </c>
      <c r="P45" s="119" t="s">
        <v>29</v>
      </c>
      <c r="Q45" s="120"/>
      <c r="R45" s="61" t="s">
        <v>1</v>
      </c>
      <c r="S45" s="119" t="s">
        <v>234</v>
      </c>
      <c r="T45" s="119"/>
      <c r="U45" s="120"/>
      <c r="V45" s="61" t="s">
        <v>1</v>
      </c>
      <c r="W45" s="119" t="s">
        <v>234</v>
      </c>
      <c r="X45" s="119"/>
      <c r="Y45" s="176"/>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13" t="s">
        <v>5</v>
      </c>
      <c r="G47" s="113"/>
      <c r="H47" s="113"/>
      <c r="I47" s="113"/>
      <c r="J47" s="113"/>
      <c r="K47" s="113"/>
      <c r="L47" s="108" t="s">
        <v>239</v>
      </c>
      <c r="M47" s="108"/>
      <c r="N47" s="108"/>
      <c r="O47" s="108"/>
      <c r="P47" s="108"/>
      <c r="Q47" s="108"/>
      <c r="R47" s="40"/>
      <c r="S47" s="40"/>
      <c r="T47" s="40"/>
      <c r="U47" s="40"/>
      <c r="V47" s="40"/>
      <c r="W47" s="40"/>
      <c r="X47" s="40"/>
      <c r="Y47" s="40"/>
    </row>
    <row r="48" spans="1:26" s="7" customFormat="1" ht="18" customHeight="1">
      <c r="A48" s="38"/>
      <c r="B48" s="38"/>
      <c r="C48" s="38"/>
      <c r="D48" s="42" t="s">
        <v>6</v>
      </c>
      <c r="E48" s="42"/>
      <c r="F48" s="114" t="s">
        <v>6</v>
      </c>
      <c r="G48" s="114"/>
      <c r="H48" s="114"/>
      <c r="I48" s="114"/>
      <c r="J48" s="114"/>
      <c r="K48" s="114"/>
      <c r="L48" s="108" t="s">
        <v>70</v>
      </c>
      <c r="M48" s="108"/>
      <c r="N48" s="108"/>
      <c r="O48" s="108"/>
      <c r="P48" s="108"/>
      <c r="Q48" s="108"/>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1</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7</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5:U35"/>
    <mergeCell ref="W35:Y35"/>
    <mergeCell ref="B36:C36"/>
    <mergeCell ref="D36:E36"/>
    <mergeCell ref="F36:G36"/>
    <mergeCell ref="I36:J36"/>
    <mergeCell ref="L36:N36"/>
    <mergeCell ref="P36:Q36"/>
    <mergeCell ref="S36:U36"/>
    <mergeCell ref="W36:Y36"/>
    <mergeCell ref="I35:J35"/>
    <mergeCell ref="L35:N35"/>
    <mergeCell ref="P35:Q35"/>
    <mergeCell ref="A35:G35"/>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L47:Q47"/>
    <mergeCell ref="L48:Q48"/>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5</vt:i4>
      </vt:variant>
      <vt:variant>
        <vt:lpstr>名前付き一覧</vt:lpstr>
      </vt:variant>
      <vt:variant>
        <vt:i4>15</vt:i4>
      </vt:variant>
    </vt:vector>
  </HeadingPairs>
  <TitlesOfParts>
    <vt:vector size="30" baseType="lpstr">
      <vt:lpstr>市町村自治振興事業会計</vt:lpstr>
      <vt:lpstr>公債管理特別会計</vt:lpstr>
      <vt:lpstr>公営競技収益配分金等管理会計</vt:lpstr>
      <vt:lpstr>地方消費税清算会計</vt:lpstr>
      <vt:lpstr>災害救助基金会計</vt:lpstr>
      <vt:lpstr>恩賜記念林業振興資金会計</vt:lpstr>
      <vt:lpstr>林業改善資金会計</vt:lpstr>
      <vt:lpstr>水源環境保全・再生事業会計</vt:lpstr>
      <vt:lpstr>沿岸漁業改善資金会計</vt:lpstr>
      <vt:lpstr>介護保険財政安定化基金会計</vt:lpstr>
      <vt:lpstr>母子父子寡婦福祉資金会計</vt:lpstr>
      <vt:lpstr>国民健康保険事業会計</vt:lpstr>
      <vt:lpstr>神奈川県立病院機構資金会計</vt:lpstr>
      <vt:lpstr>中小企業資金会計</vt:lpstr>
      <vt:lpstr>県営住宅管理事業会計</vt:lpstr>
      <vt:lpstr>沿岸漁業改善資金会計!Print_Area</vt:lpstr>
      <vt:lpstr>恩賜記念林業振興資金会計!Print_Area</vt:lpstr>
      <vt:lpstr>介護保険財政安定化基金会計!Print_Area</vt:lpstr>
      <vt:lpstr>県営住宅管理事業会計!Print_Area</vt:lpstr>
      <vt:lpstr>公営競技収益配分金等管理会計!Print_Area</vt:lpstr>
      <vt:lpstr>公債管理特別会計!Print_Area</vt:lpstr>
      <vt:lpstr>国民健康保険事業会計!Print_Area</vt:lpstr>
      <vt:lpstr>災害救助基金会計!Print_Area</vt:lpstr>
      <vt:lpstr>市町村自治振興事業会計!Print_Area</vt:lpstr>
      <vt:lpstr>神奈川県立病院機構資金会計!Print_Area</vt:lpstr>
      <vt:lpstr>水源環境保全・再生事業会計!Print_Area</vt:lpstr>
      <vt:lpstr>地方消費税清算会計!Print_Area</vt:lpstr>
      <vt:lpstr>中小企業資金会計!Print_Area</vt:lpstr>
      <vt:lpstr>母子父子寡婦福祉資金会計!Print_Area</vt:lpstr>
      <vt:lpstr>林業改善資金会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榎本 真次</dc:creator>
  <cp:lastModifiedBy>user</cp:lastModifiedBy>
  <cp:lastPrinted>2025-06-22T05:46:56Z</cp:lastPrinted>
  <dcterms:created xsi:type="dcterms:W3CDTF">2020-01-30T01:05:05Z</dcterms:created>
  <dcterms:modified xsi:type="dcterms:W3CDTF">2025-11-17T06:48:45Z</dcterms:modified>
</cp:coreProperties>
</file>